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運輸・通信" sheetId="1" r:id="rId1"/>
  </sheets>
  <definedNames>
    <definedName name="_xlnm.Print_Area" localSheetId="0">運輸・通信!$A$1:$AG$244</definedName>
  </definedNames>
  <calcPr calcId="152511"/>
</workbook>
</file>

<file path=xl/comments1.xml><?xml version="1.0" encoding="utf-8"?>
<comments xmlns="http://schemas.openxmlformats.org/spreadsheetml/2006/main">
  <authors>
    <author>京田辺市役所</author>
  </authors>
  <commentList>
    <comment ref="T8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京田辺市役所:</t>
        </r>
        <r>
          <rPr>
            <sz val="9"/>
            <color indexed="81"/>
            <rFont val="ＭＳ Ｐゴシック"/>
            <family val="3"/>
            <charset val="128"/>
          </rPr>
          <t xml:space="preserve">
令和３年調査では、ここより南側の数値なし。</t>
        </r>
      </text>
    </comment>
    <comment ref="O8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京田辺市役所:</t>
        </r>
        <r>
          <rPr>
            <sz val="9"/>
            <color indexed="81"/>
            <rFont val="ＭＳ Ｐゴシック"/>
            <family val="3"/>
            <charset val="128"/>
          </rPr>
          <t xml:space="preserve">
令和３年調査では、ここより北側の数値なし。</t>
        </r>
      </text>
    </comment>
  </commentList>
</comments>
</file>

<file path=xl/sharedStrings.xml><?xml version="1.0" encoding="utf-8"?>
<sst xmlns="http://schemas.openxmlformats.org/spreadsheetml/2006/main" count="339" uniqueCount="199">
  <si>
    <t>〔　運　輸　〕</t>
    <rPh sb="2" eb="5">
      <t>ウンユ</t>
    </rPh>
    <phoneticPr fontId="2"/>
  </si>
  <si>
    <t>１．鉄道乗降客数</t>
    <rPh sb="2" eb="4">
      <t>テツドウ</t>
    </rPh>
    <rPh sb="4" eb="6">
      <t>ジョウコウ</t>
    </rPh>
    <rPh sb="6" eb="8">
      <t>キャクスウ</t>
    </rPh>
    <phoneticPr fontId="2"/>
  </si>
  <si>
    <t>単位：人</t>
    <rPh sb="0" eb="2">
      <t>タンイ</t>
    </rPh>
    <rPh sb="3" eb="4">
      <t>ニン</t>
    </rPh>
    <phoneticPr fontId="2"/>
  </si>
  <si>
    <t>年度</t>
    <rPh sb="0" eb="2">
      <t>ネンド</t>
    </rPh>
    <phoneticPr fontId="2"/>
  </si>
  <si>
    <t>区分</t>
    <rPh sb="0" eb="2">
      <t>クブン</t>
    </rPh>
    <phoneticPr fontId="2"/>
  </si>
  <si>
    <t>総数</t>
    <rPh sb="0" eb="2">
      <t>ソウスウ</t>
    </rPh>
    <phoneticPr fontId="2"/>
  </si>
  <si>
    <t>松井山手駅</t>
    <rPh sb="0" eb="2">
      <t>マツイ</t>
    </rPh>
    <rPh sb="2" eb="4">
      <t>ヤマテ</t>
    </rPh>
    <rPh sb="4" eb="5">
      <t>エキ</t>
    </rPh>
    <phoneticPr fontId="2"/>
  </si>
  <si>
    <t>大住駅</t>
    <rPh sb="0" eb="2">
      <t>オオスミ</t>
    </rPh>
    <rPh sb="2" eb="3">
      <t>エキ</t>
    </rPh>
    <phoneticPr fontId="2"/>
  </si>
  <si>
    <t>京田辺駅</t>
    <rPh sb="0" eb="3">
      <t>キョウタナベ</t>
    </rPh>
    <rPh sb="3" eb="4">
      <t>エキ</t>
    </rPh>
    <phoneticPr fontId="2"/>
  </si>
  <si>
    <t>同志社前駅</t>
    <rPh sb="0" eb="3">
      <t>ドウシシャ</t>
    </rPh>
    <rPh sb="3" eb="4">
      <t>マエ</t>
    </rPh>
    <rPh sb="4" eb="5">
      <t>エキ</t>
    </rPh>
    <phoneticPr fontId="2"/>
  </si>
  <si>
    <t>ＪＲ三山木駅</t>
    <rPh sb="2" eb="5">
      <t>ミヤマキ</t>
    </rPh>
    <rPh sb="5" eb="6">
      <t>エキ</t>
    </rPh>
    <phoneticPr fontId="2"/>
  </si>
  <si>
    <t>近鉄京都線</t>
    <rPh sb="0" eb="2">
      <t>キンテツ</t>
    </rPh>
    <rPh sb="2" eb="4">
      <t>キョウト</t>
    </rPh>
    <rPh sb="4" eb="5">
      <t>セン</t>
    </rPh>
    <phoneticPr fontId="2"/>
  </si>
  <si>
    <t>新田辺駅</t>
    <rPh sb="0" eb="3">
      <t>シンタナベ</t>
    </rPh>
    <rPh sb="3" eb="4">
      <t>エキ</t>
    </rPh>
    <phoneticPr fontId="2"/>
  </si>
  <si>
    <t>興戸駅</t>
    <rPh sb="0" eb="2">
      <t>コウド</t>
    </rPh>
    <rPh sb="2" eb="3">
      <t>エキ</t>
    </rPh>
    <phoneticPr fontId="2"/>
  </si>
  <si>
    <t>三山木駅</t>
    <rPh sb="0" eb="3">
      <t>ミヤマキ</t>
    </rPh>
    <rPh sb="3" eb="4">
      <t>エキ</t>
    </rPh>
    <phoneticPr fontId="2"/>
  </si>
  <si>
    <t>近鉄宮津駅</t>
    <rPh sb="0" eb="2">
      <t>キンテツ</t>
    </rPh>
    <rPh sb="2" eb="4">
      <t>ミヤヅ</t>
    </rPh>
    <rPh sb="4" eb="5">
      <t>エキ</t>
    </rPh>
    <phoneticPr fontId="2"/>
  </si>
  <si>
    <t>注１　（　）内は１日平均乗降客数。</t>
    <rPh sb="0" eb="1">
      <t>チュウ</t>
    </rPh>
    <rPh sb="6" eb="7">
      <t>ナイ</t>
    </rPh>
    <rPh sb="9" eb="10">
      <t>ニチ</t>
    </rPh>
    <rPh sb="10" eb="12">
      <t>ヘイキン</t>
    </rPh>
    <rPh sb="12" eb="14">
      <t>ジョウコウ</t>
    </rPh>
    <rPh sb="14" eb="16">
      <t>キャクスウ</t>
    </rPh>
    <phoneticPr fontId="2"/>
  </si>
  <si>
    <t>資料：西日本旅客鉄道㈱、近畿日本鉄道㈱</t>
    <rPh sb="0" eb="2">
      <t>シリョウ</t>
    </rPh>
    <rPh sb="3" eb="6">
      <t>ニシニホン</t>
    </rPh>
    <rPh sb="6" eb="8">
      <t>リョカク</t>
    </rPh>
    <rPh sb="8" eb="10">
      <t>テツドウ</t>
    </rPh>
    <rPh sb="12" eb="14">
      <t>キンキ</t>
    </rPh>
    <rPh sb="14" eb="16">
      <t>ニホン</t>
    </rPh>
    <rPh sb="16" eb="18">
      <t>テツドウ</t>
    </rPh>
    <phoneticPr fontId="2"/>
  </si>
  <si>
    <t>２．路線バスの状況</t>
    <rPh sb="2" eb="4">
      <t>ロセン</t>
    </rPh>
    <rPh sb="7" eb="9">
      <t>ジョウキョウ</t>
    </rPh>
    <phoneticPr fontId="2"/>
  </si>
  <si>
    <t>（各年４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３．路線バス主要停留所乗降客数</t>
    <rPh sb="2" eb="4">
      <t>ロセン</t>
    </rPh>
    <rPh sb="6" eb="8">
      <t>シュヨウ</t>
    </rPh>
    <rPh sb="8" eb="11">
      <t>テイリュウショ</t>
    </rPh>
    <rPh sb="11" eb="12">
      <t>ジョウコウ</t>
    </rPh>
    <rPh sb="12" eb="13">
      <t>コウ</t>
    </rPh>
    <rPh sb="13" eb="15">
      <t>キャクスウ</t>
    </rPh>
    <phoneticPr fontId="2"/>
  </si>
  <si>
    <t>単位：人</t>
    <rPh sb="0" eb="2">
      <t>タンイ</t>
    </rPh>
    <rPh sb="3" eb="4">
      <t>ヒト</t>
    </rPh>
    <phoneticPr fontId="2"/>
  </si>
  <si>
    <t>京阪バス</t>
    <rPh sb="0" eb="2">
      <t>ケイハン</t>
    </rPh>
    <phoneticPr fontId="2"/>
  </si>
  <si>
    <t>奈良交通</t>
    <rPh sb="0" eb="2">
      <t>ナラ</t>
    </rPh>
    <rPh sb="2" eb="4">
      <t>コウツウ</t>
    </rPh>
    <phoneticPr fontId="2"/>
  </si>
  <si>
    <t>観測地点</t>
    <rPh sb="0" eb="2">
      <t>カンソク</t>
    </rPh>
    <rPh sb="2" eb="4">
      <t>チテン</t>
    </rPh>
    <phoneticPr fontId="2"/>
  </si>
  <si>
    <t>路線名</t>
    <rPh sb="0" eb="3">
      <t>ロセンメイ</t>
    </rPh>
    <phoneticPr fontId="2"/>
  </si>
  <si>
    <t>一般国道３０７号</t>
    <rPh sb="0" eb="2">
      <t>イッパン</t>
    </rPh>
    <rPh sb="2" eb="4">
      <t>コクドウ</t>
    </rPh>
    <rPh sb="7" eb="8">
      <t>ゴウ</t>
    </rPh>
    <phoneticPr fontId="2"/>
  </si>
  <si>
    <t>乗用車</t>
    <rPh sb="0" eb="3">
      <t>ジョウヨウシャ</t>
    </rPh>
    <phoneticPr fontId="2"/>
  </si>
  <si>
    <t>小型貨物車</t>
    <rPh sb="0" eb="2">
      <t>コガタ</t>
    </rPh>
    <rPh sb="2" eb="5">
      <t>カモツシャ</t>
    </rPh>
    <phoneticPr fontId="2"/>
  </si>
  <si>
    <t>普通貨物車</t>
    <rPh sb="0" eb="2">
      <t>フツウ</t>
    </rPh>
    <rPh sb="2" eb="5">
      <t>カモツシャ</t>
    </rPh>
    <phoneticPr fontId="2"/>
  </si>
  <si>
    <t>単位：台</t>
    <rPh sb="0" eb="2">
      <t>タンイ</t>
    </rPh>
    <rPh sb="3" eb="4">
      <t>ダイ</t>
    </rPh>
    <phoneticPr fontId="2"/>
  </si>
  <si>
    <t>総　　数</t>
    <rPh sb="0" eb="4">
      <t>ソウスウ</t>
    </rPh>
    <phoneticPr fontId="2"/>
  </si>
  <si>
    <t>乗用車</t>
    <rPh sb="0" eb="1">
      <t>ジョウ</t>
    </rPh>
    <rPh sb="1" eb="2">
      <t>ヨウ</t>
    </rPh>
    <rPh sb="2" eb="3">
      <t>クルマ</t>
    </rPh>
    <phoneticPr fontId="2"/>
  </si>
  <si>
    <t>普　通</t>
    <rPh sb="0" eb="3">
      <t>フツウ</t>
    </rPh>
    <phoneticPr fontId="2"/>
  </si>
  <si>
    <t>小　型</t>
    <rPh sb="0" eb="3">
      <t>コガタ</t>
    </rPh>
    <phoneticPr fontId="2"/>
  </si>
  <si>
    <t>被けん引車</t>
    <rPh sb="0" eb="1">
      <t>ヒガイ</t>
    </rPh>
    <rPh sb="3" eb="4">
      <t>イン</t>
    </rPh>
    <rPh sb="4" eb="5">
      <t>クルマ</t>
    </rPh>
    <phoneticPr fontId="2"/>
  </si>
  <si>
    <t>大型特殊</t>
    <rPh sb="0" eb="2">
      <t>オオガタ</t>
    </rPh>
    <rPh sb="2" eb="4">
      <t>トクシュ</t>
    </rPh>
    <phoneticPr fontId="2"/>
  </si>
  <si>
    <t>小型特殊</t>
    <rPh sb="0" eb="2">
      <t>コガタ</t>
    </rPh>
    <rPh sb="2" eb="4">
      <t>トクシュ</t>
    </rPh>
    <phoneticPr fontId="2"/>
  </si>
  <si>
    <t>二輪車</t>
    <rPh sb="0" eb="3">
      <t>ニリンシャ</t>
    </rPh>
    <phoneticPr fontId="2"/>
  </si>
  <si>
    <t>251cc以上</t>
    <rPh sb="5" eb="7">
      <t>イジョウ</t>
    </rPh>
    <phoneticPr fontId="2"/>
  </si>
  <si>
    <t>50cc以下</t>
    <rPh sb="4" eb="6">
      <t>イカ</t>
    </rPh>
    <phoneticPr fontId="2"/>
  </si>
  <si>
    <t>資料：山城広域振興局、税務課</t>
    <rPh sb="0" eb="2">
      <t>シリョウ</t>
    </rPh>
    <rPh sb="3" eb="5">
      <t>ヤマシロ</t>
    </rPh>
    <rPh sb="5" eb="7">
      <t>コウイキ</t>
    </rPh>
    <rPh sb="7" eb="10">
      <t>シンコウキョク</t>
    </rPh>
    <rPh sb="11" eb="14">
      <t>ゼイムカ</t>
    </rPh>
    <phoneticPr fontId="2"/>
  </si>
  <si>
    <t>〔　通　信　〕</t>
    <rPh sb="2" eb="5">
      <t>ツウシン</t>
    </rPh>
    <phoneticPr fontId="2"/>
  </si>
  <si>
    <t>（各年度末現在調）</t>
    <rPh sb="1" eb="2">
      <t>カク</t>
    </rPh>
    <rPh sb="2" eb="5">
      <t>ネンドマツ</t>
    </rPh>
    <rPh sb="5" eb="7">
      <t>ゲンザイ</t>
    </rPh>
    <rPh sb="7" eb="8">
      <t>シラ</t>
    </rPh>
    <phoneticPr fontId="2"/>
  </si>
  <si>
    <t>単位：通、箇</t>
    <rPh sb="0" eb="2">
      <t>タンイ</t>
    </rPh>
    <rPh sb="3" eb="4">
      <t>ツウ</t>
    </rPh>
    <rPh sb="5" eb="6">
      <t>コ</t>
    </rPh>
    <phoneticPr fontId="2"/>
  </si>
  <si>
    <t>普通速達</t>
    <rPh sb="0" eb="2">
      <t>フツウ</t>
    </rPh>
    <rPh sb="2" eb="4">
      <t>ソクタツ</t>
    </rPh>
    <phoneticPr fontId="2"/>
  </si>
  <si>
    <t>郵便局数</t>
    <rPh sb="0" eb="2">
      <t>ユウビン</t>
    </rPh>
    <rPh sb="2" eb="4">
      <t>キョクスウ</t>
    </rPh>
    <phoneticPr fontId="2"/>
  </si>
  <si>
    <t>ポスト数</t>
    <rPh sb="3" eb="4">
      <t>スウ</t>
    </rPh>
    <phoneticPr fontId="2"/>
  </si>
  <si>
    <t>切手印紙　　販売所</t>
    <rPh sb="0" eb="2">
      <t>キッテ</t>
    </rPh>
    <rPh sb="2" eb="4">
      <t>インシ</t>
    </rPh>
    <rPh sb="6" eb="9">
      <t>ハンバイショ</t>
    </rPh>
    <phoneticPr fontId="2"/>
  </si>
  <si>
    <t>郵便私書箱</t>
    <rPh sb="0" eb="2">
      <t>ユウビン</t>
    </rPh>
    <rPh sb="2" eb="5">
      <t>シショバコ</t>
    </rPh>
    <phoneticPr fontId="2"/>
  </si>
  <si>
    <t>合　計</t>
    <rPh sb="0" eb="3">
      <t>ゴウケイ</t>
    </rPh>
    <phoneticPr fontId="2"/>
  </si>
  <si>
    <t>特定局</t>
    <rPh sb="0" eb="3">
      <t>トクテイキョク</t>
    </rPh>
    <phoneticPr fontId="2"/>
  </si>
  <si>
    <t>簡易局</t>
    <rPh sb="0" eb="2">
      <t>カンイ</t>
    </rPh>
    <rPh sb="2" eb="3">
      <t>キョク</t>
    </rPh>
    <phoneticPr fontId="2"/>
  </si>
  <si>
    <t>設備数</t>
    <rPh sb="0" eb="2">
      <t>セツビ</t>
    </rPh>
    <rPh sb="2" eb="3">
      <t>スウ</t>
    </rPh>
    <phoneticPr fontId="2"/>
  </si>
  <si>
    <t>貸与数</t>
    <rPh sb="0" eb="2">
      <t>タイヨ</t>
    </rPh>
    <rPh sb="2" eb="3">
      <t>スウ</t>
    </rPh>
    <phoneticPr fontId="2"/>
  </si>
  <si>
    <t>資料：京阪バス㈱、奈良交通㈱</t>
    <rPh sb="0" eb="2">
      <t>シリョウ</t>
    </rPh>
    <rPh sb="3" eb="5">
      <t>ケイハン</t>
    </rPh>
    <rPh sb="9" eb="11">
      <t>ナラ</t>
    </rPh>
    <rPh sb="11" eb="13">
      <t>コウツウ</t>
    </rPh>
    <phoneticPr fontId="2"/>
  </si>
  <si>
    <t>大型車</t>
    <rPh sb="0" eb="3">
      <t>オオガタシャ</t>
    </rPh>
    <phoneticPr fontId="2"/>
  </si>
  <si>
    <t>ＪＲ片町線</t>
    <rPh sb="2" eb="5">
      <t>カタマチセン</t>
    </rPh>
    <phoneticPr fontId="2"/>
  </si>
  <si>
    <t>年</t>
    <rPh sb="0" eb="1">
      <t>トシ</t>
    </rPh>
    <phoneticPr fontId="2"/>
  </si>
  <si>
    <t>調査単位区間</t>
    <rPh sb="0" eb="2">
      <t>チョウサ</t>
    </rPh>
    <rPh sb="2" eb="4">
      <t>タンイ</t>
    </rPh>
    <rPh sb="4" eb="6">
      <t>クカン</t>
    </rPh>
    <phoneticPr fontId="2"/>
  </si>
  <si>
    <t>自</t>
    <rPh sb="0" eb="1">
      <t>ジ</t>
    </rPh>
    <phoneticPr fontId="2"/>
  </si>
  <si>
    <t>至</t>
    <rPh sb="0" eb="1">
      <t>イタル</t>
    </rPh>
    <phoneticPr fontId="2"/>
  </si>
  <si>
    <t>京田辺市草内五反田</t>
    <rPh sb="0" eb="4">
      <t>キョウタナベシ</t>
    </rPh>
    <rPh sb="4" eb="6">
      <t>クサウチ</t>
    </rPh>
    <rPh sb="6" eb="9">
      <t>ゴタンダ</t>
    </rPh>
    <phoneticPr fontId="2"/>
  </si>
  <si>
    <t>京田辺市打田宮東</t>
    <rPh sb="0" eb="4">
      <t>k</t>
    </rPh>
    <rPh sb="4" eb="5">
      <t>ウ</t>
    </rPh>
    <rPh sb="5" eb="6">
      <t>タ</t>
    </rPh>
    <rPh sb="6" eb="8">
      <t>ミヤヒガシ</t>
    </rPh>
    <phoneticPr fontId="2"/>
  </si>
  <si>
    <t>４．自動車登録台数</t>
    <rPh sb="2" eb="5">
      <t>ジドウシャ</t>
    </rPh>
    <rPh sb="5" eb="7">
      <t>トウロク</t>
    </rPh>
    <rPh sb="7" eb="9">
      <t>ダイスウ</t>
    </rPh>
    <phoneticPr fontId="2"/>
  </si>
  <si>
    <t>５．交通情勢</t>
    <rPh sb="2" eb="4">
      <t>コウツウ</t>
    </rPh>
    <rPh sb="4" eb="5">
      <t>ジョウホウ</t>
    </rPh>
    <rPh sb="5" eb="6">
      <t>セイ</t>
    </rPh>
    <phoneticPr fontId="2"/>
  </si>
  <si>
    <t>総　　　　　　数</t>
    <rPh sb="0" eb="1">
      <t>フサ</t>
    </rPh>
    <rPh sb="7" eb="8">
      <t>カズ</t>
    </rPh>
    <phoneticPr fontId="2"/>
  </si>
  <si>
    <t>バス</t>
    <phoneticPr fontId="2"/>
  </si>
  <si>
    <t>126～250cc</t>
    <phoneticPr fontId="2"/>
  </si>
  <si>
    <t>51～125cc</t>
    <phoneticPr fontId="2"/>
  </si>
  <si>
    <t>軽自動車（二輪を除く）</t>
    <rPh sb="0" eb="1">
      <t>ケイ</t>
    </rPh>
    <rPh sb="1" eb="4">
      <t>ジドウシャ</t>
    </rPh>
    <rPh sb="5" eb="7">
      <t>ニリン</t>
    </rPh>
    <rPh sb="8" eb="9">
      <t>ノゾ</t>
    </rPh>
    <phoneticPr fontId="2"/>
  </si>
  <si>
    <t>貨物
自動車</t>
    <rPh sb="0" eb="2">
      <t>カモツ</t>
    </rPh>
    <rPh sb="3" eb="6">
      <t>ジドウシャ</t>
    </rPh>
    <phoneticPr fontId="2"/>
  </si>
  <si>
    <t>主要地方道
八幡木津線</t>
    <rPh sb="0" eb="2">
      <t>シュヨウ</t>
    </rPh>
    <rPh sb="2" eb="5">
      <t>チホウドウ</t>
    </rPh>
    <rPh sb="6" eb="8">
      <t>ヤワタ</t>
    </rPh>
    <rPh sb="8" eb="10">
      <t>キヅ</t>
    </rPh>
    <rPh sb="10" eb="11">
      <t>セン</t>
    </rPh>
    <phoneticPr fontId="2"/>
  </si>
  <si>
    <t>主要地方道
生駒井手線</t>
    <rPh sb="0" eb="2">
      <t>シュヨウ</t>
    </rPh>
    <rPh sb="2" eb="5">
      <t>チホウドウ</t>
    </rPh>
    <rPh sb="6" eb="8">
      <t>イコマ</t>
    </rPh>
    <rPh sb="8" eb="11">
      <t>イデセン</t>
    </rPh>
    <phoneticPr fontId="2"/>
  </si>
  <si>
    <t>一般府道
富野荘八幡線</t>
    <rPh sb="0" eb="2">
      <t>イッパン</t>
    </rPh>
    <rPh sb="2" eb="4">
      <t>フドウ</t>
    </rPh>
    <rPh sb="5" eb="8">
      <t>トノショウ</t>
    </rPh>
    <rPh sb="8" eb="10">
      <t>ヤワタ</t>
    </rPh>
    <rPh sb="10" eb="11">
      <t>セン</t>
    </rPh>
    <phoneticPr fontId="2"/>
  </si>
  <si>
    <t>支店</t>
    <rPh sb="0" eb="2">
      <t>シテン</t>
    </rPh>
    <phoneticPr fontId="2"/>
  </si>
  <si>
    <t>注１　（　）内は、年賀はがき引受数で、昭和４９年３月４日以降</t>
    <rPh sb="0" eb="1">
      <t>チュウ</t>
    </rPh>
    <phoneticPr fontId="2"/>
  </si>
  <si>
    <t>注１　（　）内は、年賀はがき配達数で、昭和４９年３月４日以降</t>
    <rPh sb="0" eb="1">
      <t>チュウ</t>
    </rPh>
    <rPh sb="14" eb="16">
      <t>ハイタツ</t>
    </rPh>
    <phoneticPr fontId="2"/>
  </si>
  <si>
    <t>注１　郵便局数は、昭和４９年３月４日以降</t>
    <rPh sb="0" eb="1">
      <t>チュウ</t>
    </rPh>
    <rPh sb="3" eb="6">
      <t>ユウビンキョク</t>
    </rPh>
    <rPh sb="6" eb="7">
      <t>スウ</t>
    </rPh>
    <phoneticPr fontId="2"/>
  </si>
  <si>
    <t>市内路線延長</t>
    <phoneticPr fontId="2"/>
  </si>
  <si>
    <t>停留所数</t>
    <phoneticPr fontId="2"/>
  </si>
  <si>
    <t>１日平均乗降客数</t>
    <phoneticPr fontId="2"/>
  </si>
  <si>
    <t>（㎞）</t>
    <phoneticPr fontId="2"/>
  </si>
  <si>
    <t>（箇所）</t>
    <phoneticPr fontId="2"/>
  </si>
  <si>
    <t>（人）</t>
    <phoneticPr fontId="2"/>
  </si>
  <si>
    <t>京　　阪　　バ　　ス</t>
    <rPh sb="0" eb="1">
      <t>キョウ</t>
    </rPh>
    <rPh sb="3" eb="4">
      <t>サカ</t>
    </rPh>
    <phoneticPr fontId="2"/>
  </si>
  <si>
    <t>奈　　良　　交　　通</t>
    <rPh sb="0" eb="1">
      <t>ナ</t>
    </rPh>
    <rPh sb="3" eb="4">
      <t>リョウ</t>
    </rPh>
    <rPh sb="6" eb="7">
      <t>コウ</t>
    </rPh>
    <rPh sb="9" eb="10">
      <t>ツウ</t>
    </rPh>
    <phoneticPr fontId="2"/>
  </si>
  <si>
    <t>松 井 山 手 駅</t>
    <rPh sb="0" eb="1">
      <t>マツ</t>
    </rPh>
    <rPh sb="2" eb="3">
      <t>セイ</t>
    </rPh>
    <rPh sb="4" eb="5">
      <t>ヤマ</t>
    </rPh>
    <rPh sb="6" eb="7">
      <t>テ</t>
    </rPh>
    <rPh sb="8" eb="9">
      <t>エキ</t>
    </rPh>
    <phoneticPr fontId="2"/>
  </si>
  <si>
    <t>三  山  木  駅</t>
    <rPh sb="0" eb="1">
      <t>サン</t>
    </rPh>
    <rPh sb="3" eb="4">
      <t>ヤマ</t>
    </rPh>
    <rPh sb="6" eb="7">
      <t>キ</t>
    </rPh>
    <rPh sb="9" eb="10">
      <t>エキ</t>
    </rPh>
    <phoneticPr fontId="2"/>
  </si>
  <si>
    <t>普通</t>
    <rPh sb="0" eb="2">
      <t>フツウ</t>
    </rPh>
    <phoneticPr fontId="2"/>
  </si>
  <si>
    <t>書留</t>
    <rPh sb="0" eb="2">
      <t>カキトメ</t>
    </rPh>
    <phoneticPr fontId="2"/>
  </si>
  <si>
    <t>加入電話契約者数</t>
  </si>
  <si>
    <t>総数</t>
  </si>
  <si>
    <t>京田辺市松井口仲谷</t>
    <rPh sb="0" eb="3">
      <t>キョウタナベ</t>
    </rPh>
    <rPh sb="3" eb="4">
      <t>シ</t>
    </rPh>
    <rPh sb="4" eb="6">
      <t>マツイ</t>
    </rPh>
    <rPh sb="6" eb="7">
      <t>クチ</t>
    </rPh>
    <rPh sb="7" eb="8">
      <t>ナカ</t>
    </rPh>
    <rPh sb="8" eb="9">
      <t>タニ</t>
    </rPh>
    <phoneticPr fontId="2"/>
  </si>
  <si>
    <t>ナンバー1</t>
    <phoneticPr fontId="2"/>
  </si>
  <si>
    <t>ナンバー3、5、7</t>
    <phoneticPr fontId="2"/>
  </si>
  <si>
    <t>小型車</t>
    <rPh sb="0" eb="3">
      <t>コガタシャ</t>
    </rPh>
    <phoneticPr fontId="2"/>
  </si>
  <si>
    <t>ナンバー4、6</t>
    <phoneticPr fontId="2"/>
  </si>
  <si>
    <t>ナンバー５　（黄と黒のプレート）</t>
  </si>
  <si>
    <t>ナンバー3、8　（小型プレート）</t>
  </si>
  <si>
    <t>ナンバー4（黄と黒のプレート）</t>
    <rPh sb="6" eb="7">
      <t>キ</t>
    </rPh>
    <rPh sb="8" eb="9">
      <t>クロ</t>
    </rPh>
    <phoneticPr fontId="2"/>
  </si>
  <si>
    <t>ナンバー3、6（小型プレート）</t>
    <rPh sb="8" eb="10">
      <t>コガタ</t>
    </rPh>
    <phoneticPr fontId="2"/>
  </si>
  <si>
    <t>INSネットサービス契約数</t>
    <rPh sb="10" eb="13">
      <t>ケイヤクスウ</t>
    </rPh>
    <phoneticPr fontId="2"/>
  </si>
  <si>
    <t>公衆電話設置数</t>
    <rPh sb="0" eb="2">
      <t>コウシュウ</t>
    </rPh>
    <rPh sb="2" eb="4">
      <t>デンワ</t>
    </rPh>
    <rPh sb="4" eb="6">
      <t>セッチ</t>
    </rPh>
    <rPh sb="6" eb="7">
      <t>スウ</t>
    </rPh>
    <phoneticPr fontId="2"/>
  </si>
  <si>
    <t>事務用</t>
    <rPh sb="0" eb="3">
      <t>ジムヨウ</t>
    </rPh>
    <phoneticPr fontId="2"/>
  </si>
  <si>
    <t>住宅比率（％）</t>
    <rPh sb="0" eb="2">
      <t>ジュウタク</t>
    </rPh>
    <rPh sb="2" eb="4">
      <t>ヒリツ</t>
    </rPh>
    <phoneticPr fontId="2"/>
  </si>
  <si>
    <t>単位：件、回線、台</t>
    <rPh sb="0" eb="2">
      <t>タンイ</t>
    </rPh>
    <rPh sb="3" eb="4">
      <t>ケン</t>
    </rPh>
    <rPh sb="5" eb="7">
      <t>カイセン</t>
    </rPh>
    <rPh sb="8" eb="9">
      <t>ダイ</t>
    </rPh>
    <phoneticPr fontId="2"/>
  </si>
  <si>
    <t>ゆうメール</t>
    <phoneticPr fontId="2"/>
  </si>
  <si>
    <t>レターパック</t>
    <phoneticPr fontId="2"/>
  </si>
  <si>
    <t>資料：日本郵便株式会社　山城田辺郵便局</t>
    <rPh sb="0" eb="2">
      <t>シリョウ</t>
    </rPh>
    <rPh sb="3" eb="5">
      <t>ニホン</t>
    </rPh>
    <rPh sb="5" eb="7">
      <t>ユウビン</t>
    </rPh>
    <rPh sb="16" eb="19">
      <t>ユウビンキョク</t>
    </rPh>
    <phoneticPr fontId="2"/>
  </si>
  <si>
    <t>注２　INSネットサービスはNTT西日本のISDN商品名。</t>
    <rPh sb="0" eb="1">
      <t>チュウ</t>
    </rPh>
    <rPh sb="17" eb="20">
      <t>ニシニホン</t>
    </rPh>
    <rPh sb="25" eb="27">
      <t>ショウヒン</t>
    </rPh>
    <rPh sb="27" eb="28">
      <t>メイ</t>
    </rPh>
    <phoneticPr fontId="2"/>
  </si>
  <si>
    <t>注１　加入電話契約者数には加入電話・ライトを含む。</t>
    <rPh sb="0" eb="1">
      <t>チュウ</t>
    </rPh>
    <phoneticPr fontId="2"/>
  </si>
  <si>
    <t>ゆう
パック</t>
    <phoneticPr fontId="2"/>
  </si>
  <si>
    <t>セキュリティ</t>
    <phoneticPr fontId="2"/>
  </si>
  <si>
    <t xml:space="preserve">        山城田辺郵便局の管轄となっている井手町分を含めたものである。</t>
    <rPh sb="12" eb="15">
      <t>ユウビンキョク</t>
    </rPh>
    <rPh sb="27" eb="28">
      <t>ブン</t>
    </rPh>
    <phoneticPr fontId="2"/>
  </si>
  <si>
    <t xml:space="preserve">       山城田辺郵便局の管轄となっている井手町分を含めたものである。</t>
    <rPh sb="11" eb="14">
      <t>ユウビンキョク</t>
    </rPh>
    <rPh sb="26" eb="27">
      <t>ブン</t>
    </rPh>
    <phoneticPr fontId="2"/>
  </si>
  <si>
    <t>郵便物</t>
    <rPh sb="0" eb="3">
      <t>ユウビンブツ</t>
    </rPh>
    <phoneticPr fontId="2"/>
  </si>
  <si>
    <t>特殊自動車</t>
    <rPh sb="0" eb="2">
      <t>トクシュ</t>
    </rPh>
    <rPh sb="2" eb="4">
      <t>ジドウ</t>
    </rPh>
    <rPh sb="4" eb="5">
      <t>グルマ</t>
    </rPh>
    <phoneticPr fontId="2"/>
  </si>
  <si>
    <t>近　鉄　新　田　辺</t>
    <rPh sb="0" eb="1">
      <t>コン</t>
    </rPh>
    <rPh sb="2" eb="3">
      <t>テツ</t>
    </rPh>
    <rPh sb="4" eb="5">
      <t>シン</t>
    </rPh>
    <rPh sb="6" eb="7">
      <t>タ</t>
    </rPh>
    <rPh sb="8" eb="9">
      <t>ヘン</t>
    </rPh>
    <phoneticPr fontId="2"/>
  </si>
  <si>
    <t>７．郵便物等配達数</t>
    <rPh sb="2" eb="5">
      <t>ユウビンブツ</t>
    </rPh>
    <rPh sb="5" eb="6">
      <t>トウ</t>
    </rPh>
    <rPh sb="6" eb="8">
      <t>ハイタツ</t>
    </rPh>
    <rPh sb="8" eb="9">
      <t>ヒキウケスウ</t>
    </rPh>
    <phoneticPr fontId="2"/>
  </si>
  <si>
    <t>Ｊ　Ｒ　京　田　辺</t>
    <rPh sb="4" eb="5">
      <t>キョウ</t>
    </rPh>
    <rPh sb="6" eb="7">
      <t>タ</t>
    </rPh>
    <rPh sb="8" eb="9">
      <t>ヘン</t>
    </rPh>
    <phoneticPr fontId="2"/>
  </si>
  <si>
    <t>新　田　辺　駅</t>
    <rPh sb="0" eb="1">
      <t>シン</t>
    </rPh>
    <rPh sb="2" eb="3">
      <t>タ</t>
    </rPh>
    <rPh sb="4" eb="5">
      <t>ヘン</t>
    </rPh>
    <rPh sb="6" eb="7">
      <t>エキ</t>
    </rPh>
    <phoneticPr fontId="2"/>
  </si>
  <si>
    <t>６．郵便物等引受数</t>
    <rPh sb="2" eb="5">
      <t>ユウビンブツ</t>
    </rPh>
    <rPh sb="5" eb="6">
      <t>トウ</t>
    </rPh>
    <rPh sb="6" eb="9">
      <t>ヒキウケスウ</t>
    </rPh>
    <phoneticPr fontId="2"/>
  </si>
  <si>
    <t>８．郵便施設数</t>
    <rPh sb="2" eb="4">
      <t>ユウビン</t>
    </rPh>
    <rPh sb="4" eb="7">
      <t>シセツスウ</t>
    </rPh>
    <phoneticPr fontId="2"/>
  </si>
  <si>
    <t>９．加入電話契約者数、INSネットサービス契約数及び公衆電話設置数</t>
    <rPh sb="2" eb="4">
      <t>カニュウ</t>
    </rPh>
    <rPh sb="4" eb="6">
      <t>デンワ</t>
    </rPh>
    <rPh sb="6" eb="9">
      <t>ケイヤクシャ</t>
    </rPh>
    <rPh sb="9" eb="10">
      <t>カズ</t>
    </rPh>
    <rPh sb="21" eb="24">
      <t>ケイヤクスウ</t>
    </rPh>
    <rPh sb="24" eb="25">
      <t>オヨ</t>
    </rPh>
    <rPh sb="26" eb="28">
      <t>コウシュウ</t>
    </rPh>
    <rPh sb="28" eb="30">
      <t>デンワ</t>
    </rPh>
    <rPh sb="30" eb="33">
      <t>セッチスウ</t>
    </rPh>
    <phoneticPr fontId="2"/>
  </si>
  <si>
    <t>注２　JR片町線の乗降客数は千人単位。乗客数を2倍して算出。</t>
    <rPh sb="0" eb="1">
      <t>チュウ</t>
    </rPh>
    <rPh sb="5" eb="7">
      <t>カタマチ</t>
    </rPh>
    <rPh sb="7" eb="8">
      <t>セン</t>
    </rPh>
    <rPh sb="9" eb="11">
      <t>ジョウコウ</t>
    </rPh>
    <rPh sb="11" eb="13">
      <t>キャクスウ</t>
    </rPh>
    <rPh sb="14" eb="16">
      <t>センニン</t>
    </rPh>
    <rPh sb="16" eb="18">
      <t>タンイ</t>
    </rPh>
    <phoneticPr fontId="2"/>
  </si>
  <si>
    <t>住宅用</t>
    <phoneticPr fontId="2"/>
  </si>
  <si>
    <t>デジタル</t>
    <phoneticPr fontId="2"/>
  </si>
  <si>
    <t>アナログ</t>
    <phoneticPr fontId="2"/>
  </si>
  <si>
    <t>(</t>
  </si>
  <si>
    <t>)</t>
  </si>
  <si>
    <t>資料：ＮＴＴビジネスソリューションズ</t>
    <rPh sb="0" eb="2">
      <t>シリョウ</t>
    </rPh>
    <phoneticPr fontId="2"/>
  </si>
  <si>
    <t>昼間12時間自動車類交通量</t>
    <rPh sb="0" eb="2">
      <t>ヒルマ</t>
    </rPh>
    <rPh sb="4" eb="6">
      <t>ジカン</t>
    </rPh>
    <rPh sb="6" eb="9">
      <t>ジドウシャ</t>
    </rPh>
    <rPh sb="9" eb="10">
      <t>ルイ</t>
    </rPh>
    <rPh sb="10" eb="12">
      <t>コウツウ</t>
    </rPh>
    <rPh sb="12" eb="13">
      <t>リョウ</t>
    </rPh>
    <phoneticPr fontId="2"/>
  </si>
  <si>
    <t>合計</t>
    <rPh sb="0" eb="2">
      <t>ゴウケイ</t>
    </rPh>
    <phoneticPr fontId="2"/>
  </si>
  <si>
    <t>一般国道１号
（第二京阪道路）</t>
    <phoneticPr fontId="2"/>
  </si>
  <si>
    <t>八幡京田辺JCT～京田辺松井</t>
    <rPh sb="0" eb="2">
      <t>ヤワタ</t>
    </rPh>
    <rPh sb="2" eb="5">
      <t>キョウタナベ</t>
    </rPh>
    <rPh sb="9" eb="12">
      <t>キョウタナベ</t>
    </rPh>
    <rPh sb="12" eb="14">
      <t>マツイ</t>
    </rPh>
    <phoneticPr fontId="2"/>
  </si>
  <si>
    <t>八幡市・京田辺市境</t>
    <rPh sb="0" eb="3">
      <t>ヤワタシ</t>
    </rPh>
    <rPh sb="4" eb="8">
      <t>キョウタナベシ</t>
    </rPh>
    <rPh sb="8" eb="9">
      <t>サカイ</t>
    </rPh>
    <phoneticPr fontId="2"/>
  </si>
  <si>
    <t>京田辺松井IC</t>
    <rPh sb="0" eb="3">
      <t>キョウタナベ</t>
    </rPh>
    <rPh sb="3" eb="5">
      <t>マツイ</t>
    </rPh>
    <phoneticPr fontId="2"/>
  </si>
  <si>
    <t>京田辺松井～枚方東</t>
    <rPh sb="0" eb="3">
      <t>キョウタナベ</t>
    </rPh>
    <rPh sb="3" eb="5">
      <t>マツイ</t>
    </rPh>
    <rPh sb="6" eb="8">
      <t>ヒラカタ</t>
    </rPh>
    <rPh sb="8" eb="9">
      <t>ヒガシ</t>
    </rPh>
    <phoneticPr fontId="2"/>
  </si>
  <si>
    <t>京田辺松井IC</t>
    <rPh sb="0" eb="3">
      <t>キョウタナベ</t>
    </rPh>
    <rPh sb="3" eb="5">
      <t>マツイ</t>
    </rPh>
    <phoneticPr fontId="2"/>
  </si>
  <si>
    <t>京田辺市・八幡市境</t>
    <rPh sb="0" eb="3">
      <t>キョウタナベ</t>
    </rPh>
    <rPh sb="3" eb="4">
      <t>シ</t>
    </rPh>
    <rPh sb="5" eb="8">
      <t>ヤワタシ</t>
    </rPh>
    <rPh sb="8" eb="9">
      <t>サカイ</t>
    </rPh>
    <phoneticPr fontId="2"/>
  </si>
  <si>
    <t>一般国道１号
（京都南道路）</t>
    <phoneticPr fontId="2"/>
  </si>
  <si>
    <t>交野久御山線</t>
    <rPh sb="0" eb="2">
      <t>カタノ</t>
    </rPh>
    <rPh sb="2" eb="5">
      <t>クミヤマ</t>
    </rPh>
    <rPh sb="5" eb="6">
      <t>セン</t>
    </rPh>
    <phoneticPr fontId="2"/>
  </si>
  <si>
    <t>山手幹線</t>
    <rPh sb="0" eb="2">
      <t>ヤマテ</t>
    </rPh>
    <rPh sb="2" eb="4">
      <t>カンセン</t>
    </rPh>
    <phoneticPr fontId="2"/>
  </si>
  <si>
    <t>城陽IC～田辺北IC</t>
    <rPh sb="0" eb="2">
      <t>ジョウヨウ</t>
    </rPh>
    <rPh sb="5" eb="7">
      <t>タナベ</t>
    </rPh>
    <rPh sb="7" eb="8">
      <t>キタ</t>
    </rPh>
    <phoneticPr fontId="2"/>
  </si>
  <si>
    <t>城陽市・京田辺市境</t>
    <rPh sb="0" eb="3">
      <t>ジョウヨウシ</t>
    </rPh>
    <rPh sb="4" eb="8">
      <t>キョウタナベシ</t>
    </rPh>
    <rPh sb="8" eb="9">
      <t>サカイ</t>
    </rPh>
    <phoneticPr fontId="2"/>
  </si>
  <si>
    <t>田辺北IC</t>
    <rPh sb="0" eb="2">
      <t>タナベ</t>
    </rPh>
    <rPh sb="2" eb="3">
      <t>キタ</t>
    </rPh>
    <phoneticPr fontId="2"/>
  </si>
  <si>
    <t>田辺北IC～田辺西IC</t>
    <rPh sb="0" eb="2">
      <t>タナベ</t>
    </rPh>
    <rPh sb="2" eb="3">
      <t>キタ</t>
    </rPh>
    <rPh sb="6" eb="8">
      <t>タナベ</t>
    </rPh>
    <rPh sb="8" eb="9">
      <t>ニシ</t>
    </rPh>
    <phoneticPr fontId="2"/>
  </si>
  <si>
    <t>田辺西IC</t>
    <rPh sb="0" eb="2">
      <t>タナベ</t>
    </rPh>
    <rPh sb="2" eb="3">
      <t>ニシ</t>
    </rPh>
    <phoneticPr fontId="2"/>
  </si>
  <si>
    <t>田辺西IC～精華下狛IC</t>
    <rPh sb="0" eb="2">
      <t>タナベ</t>
    </rPh>
    <rPh sb="2" eb="3">
      <t>ニシ</t>
    </rPh>
    <rPh sb="6" eb="8">
      <t>セイカ</t>
    </rPh>
    <rPh sb="8" eb="10">
      <t>シモコマ</t>
    </rPh>
    <phoneticPr fontId="2"/>
  </si>
  <si>
    <t>京田辺市・精華町境</t>
    <rPh sb="0" eb="4">
      <t>キョウタナベシ</t>
    </rPh>
    <rPh sb="5" eb="8">
      <t>セイカチョウ</t>
    </rPh>
    <rPh sb="8" eb="9">
      <t>サカイ</t>
    </rPh>
    <phoneticPr fontId="2"/>
  </si>
  <si>
    <t>一般国道３０７号</t>
    <phoneticPr fontId="2"/>
  </si>
  <si>
    <t>井手町・京田辺市境</t>
    <rPh sb="0" eb="3">
      <t>イデチョウ</t>
    </rPh>
    <rPh sb="4" eb="8">
      <t>キョウタナベシ</t>
    </rPh>
    <rPh sb="8" eb="9">
      <t>サカイ</t>
    </rPh>
    <phoneticPr fontId="2"/>
  </si>
  <si>
    <t>八幡木津線</t>
    <rPh sb="0" eb="2">
      <t>ヤワタ</t>
    </rPh>
    <rPh sb="2" eb="4">
      <t>キヅ</t>
    </rPh>
    <rPh sb="4" eb="5">
      <t>セン</t>
    </rPh>
    <phoneticPr fontId="2"/>
  </si>
  <si>
    <t>【非観測】</t>
    <rPh sb="1" eb="2">
      <t>ヒ</t>
    </rPh>
    <rPh sb="2" eb="4">
      <t>カンソク</t>
    </rPh>
    <phoneticPr fontId="2"/>
  </si>
  <si>
    <t>京田辺市薪堂ノ後</t>
    <rPh sb="0" eb="4">
      <t>キョウタナベシ</t>
    </rPh>
    <rPh sb="4" eb="5">
      <t>タキギ</t>
    </rPh>
    <rPh sb="5" eb="6">
      <t>ドウ</t>
    </rPh>
    <rPh sb="7" eb="8">
      <t>ゴ</t>
    </rPh>
    <phoneticPr fontId="2"/>
  </si>
  <si>
    <t>主要地方道
八幡木津線
（山手幹線）</t>
    <rPh sb="0" eb="2">
      <t>シュヨウ</t>
    </rPh>
    <rPh sb="2" eb="5">
      <t>チホウドウ</t>
    </rPh>
    <rPh sb="6" eb="8">
      <t>ヤワタ</t>
    </rPh>
    <rPh sb="8" eb="10">
      <t>キヅ</t>
    </rPh>
    <rPh sb="10" eb="11">
      <t>セン</t>
    </rPh>
    <rPh sb="13" eb="15">
      <t>ヤマテ</t>
    </rPh>
    <rPh sb="15" eb="17">
      <t>カンセン</t>
    </rPh>
    <phoneticPr fontId="2"/>
  </si>
  <si>
    <t>京田辺市一休ケ丘</t>
    <rPh sb="0" eb="4">
      <t>キョウタナベシ</t>
    </rPh>
    <rPh sb="4" eb="6">
      <t>イッキュウ</t>
    </rPh>
    <rPh sb="7" eb="8">
      <t>オカ</t>
    </rPh>
    <phoneticPr fontId="2"/>
  </si>
  <si>
    <t>手原川橋</t>
    <rPh sb="0" eb="1">
      <t>テ</t>
    </rPh>
    <rPh sb="1" eb="2">
      <t>ハラ</t>
    </rPh>
    <rPh sb="2" eb="3">
      <t>カワ</t>
    </rPh>
    <rPh sb="3" eb="4">
      <t>ハシ</t>
    </rPh>
    <phoneticPr fontId="2"/>
  </si>
  <si>
    <t>京田辺市興戸地蔵谷</t>
    <rPh sb="0" eb="4">
      <t>キョウタナベシ</t>
    </rPh>
    <rPh sb="4" eb="6">
      <t>コウド</t>
    </rPh>
    <rPh sb="6" eb="8">
      <t>ジゾウ</t>
    </rPh>
    <rPh sb="8" eb="9">
      <t>タニ</t>
    </rPh>
    <phoneticPr fontId="2"/>
  </si>
  <si>
    <t>一般国道３０７号線</t>
    <rPh sb="0" eb="2">
      <t>イッパン</t>
    </rPh>
    <rPh sb="2" eb="4">
      <t>コクドウ</t>
    </rPh>
    <rPh sb="7" eb="9">
      <t>ゴウセン</t>
    </rPh>
    <phoneticPr fontId="2"/>
  </si>
  <si>
    <t>生駒井手線</t>
    <rPh sb="0" eb="2">
      <t>イコマ</t>
    </rPh>
    <rPh sb="2" eb="4">
      <t>イデ</t>
    </rPh>
    <rPh sb="4" eb="5">
      <t>セン</t>
    </rPh>
    <phoneticPr fontId="2"/>
  </si>
  <si>
    <t>精華町・京田辺市境</t>
    <rPh sb="0" eb="3">
      <t>セイカチョウ</t>
    </rPh>
    <rPh sb="4" eb="8">
      <t>キョウタナベシ</t>
    </rPh>
    <rPh sb="8" eb="9">
      <t>サカイ</t>
    </rPh>
    <phoneticPr fontId="2"/>
  </si>
  <si>
    <t>(旧)生駒井手線</t>
    <rPh sb="1" eb="2">
      <t>キュウ</t>
    </rPh>
    <rPh sb="3" eb="5">
      <t>イコマ</t>
    </rPh>
    <rPh sb="5" eb="7">
      <t>イデ</t>
    </rPh>
    <rPh sb="7" eb="8">
      <t>セン</t>
    </rPh>
    <phoneticPr fontId="2"/>
  </si>
  <si>
    <t>枚方山城線</t>
    <rPh sb="0" eb="2">
      <t>ヒラカタ</t>
    </rPh>
    <rPh sb="2" eb="4">
      <t>ヤマシロ</t>
    </rPh>
    <rPh sb="4" eb="5">
      <t>セン</t>
    </rPh>
    <phoneticPr fontId="2"/>
  </si>
  <si>
    <t>京田辺市多々羅西平川原</t>
    <rPh sb="0" eb="4">
      <t>k</t>
    </rPh>
    <rPh sb="4" eb="7">
      <t>タタラ</t>
    </rPh>
    <rPh sb="7" eb="9">
      <t>ニシヒラ</t>
    </rPh>
    <rPh sb="9" eb="11">
      <t>カワラ</t>
    </rPh>
    <phoneticPr fontId="2"/>
  </si>
  <si>
    <t>京田辺市三山木田中</t>
    <rPh sb="0" eb="4">
      <t>k</t>
    </rPh>
    <rPh sb="4" eb="7">
      <t>ミヤマキ</t>
    </rPh>
    <rPh sb="7" eb="9">
      <t>タナカ</t>
    </rPh>
    <phoneticPr fontId="2"/>
  </si>
  <si>
    <t>京田辺市・井手町境</t>
    <rPh sb="0" eb="4">
      <t>キョウタナベシ</t>
    </rPh>
    <rPh sb="5" eb="8">
      <t>イデチョウ</t>
    </rPh>
    <rPh sb="8" eb="9">
      <t>サカイ</t>
    </rPh>
    <phoneticPr fontId="2"/>
  </si>
  <si>
    <t>主要地方道
枚方山城線</t>
    <phoneticPr fontId="2"/>
  </si>
  <si>
    <t>京田辺市水取御家</t>
    <rPh sb="0" eb="4">
      <t>k</t>
    </rPh>
    <rPh sb="4" eb="6">
      <t>ミズトリ</t>
    </rPh>
    <rPh sb="6" eb="8">
      <t>オイエ</t>
    </rPh>
    <phoneticPr fontId="2"/>
  </si>
  <si>
    <t>枚方市・京田辺市境</t>
    <rPh sb="0" eb="3">
      <t>ヒラカタシ</t>
    </rPh>
    <rPh sb="4" eb="8">
      <t>キョウタナベシ</t>
    </rPh>
    <rPh sb="8" eb="9">
      <t>サカイ</t>
    </rPh>
    <phoneticPr fontId="2"/>
  </si>
  <si>
    <t>京田辺市松井魚田</t>
    <rPh sb="0" eb="4">
      <t>キョウタナベシ</t>
    </rPh>
    <rPh sb="4" eb="6">
      <t>マツイ</t>
    </rPh>
    <rPh sb="6" eb="8">
      <t>ウオタ</t>
    </rPh>
    <phoneticPr fontId="2"/>
  </si>
  <si>
    <t>一般府道
交野久御山線</t>
    <phoneticPr fontId="2"/>
  </si>
  <si>
    <t>富野荘八幡線</t>
    <rPh sb="0" eb="3">
      <t>トノショウ</t>
    </rPh>
    <rPh sb="3" eb="5">
      <t>ヤワタ</t>
    </rPh>
    <rPh sb="5" eb="6">
      <t>セン</t>
    </rPh>
    <phoneticPr fontId="2"/>
  </si>
  <si>
    <t>注１　自動車類交通量は上下線の合計。</t>
    <rPh sb="0" eb="1">
      <t>チュウ</t>
    </rPh>
    <rPh sb="3" eb="6">
      <t>ジドウシャ</t>
    </rPh>
    <rPh sb="6" eb="7">
      <t>ルイ</t>
    </rPh>
    <rPh sb="7" eb="10">
      <t>コウツウリョウ</t>
    </rPh>
    <rPh sb="11" eb="13">
      <t>ジョウゲ</t>
    </rPh>
    <rPh sb="13" eb="14">
      <t>セン</t>
    </rPh>
    <rPh sb="15" eb="17">
      <t>ゴウケイ</t>
    </rPh>
    <phoneticPr fontId="2"/>
  </si>
  <si>
    <t>注２　昼間12時間観測の時間帯は、午前７時～午後７時。</t>
    <rPh sb="0" eb="1">
      <t>チュウ</t>
    </rPh>
    <rPh sb="3" eb="5">
      <t>ヒルマ</t>
    </rPh>
    <rPh sb="7" eb="9">
      <t>ジカン</t>
    </rPh>
    <rPh sb="9" eb="11">
      <t>カンソク</t>
    </rPh>
    <rPh sb="12" eb="15">
      <t>ジカンタイ</t>
    </rPh>
    <rPh sb="17" eb="19">
      <t>ゴゼン</t>
    </rPh>
    <rPh sb="20" eb="21">
      <t>ジ</t>
    </rPh>
    <rPh sb="22" eb="24">
      <t>ゴゴ</t>
    </rPh>
    <rPh sb="25" eb="26">
      <t>ジ</t>
    </rPh>
    <phoneticPr fontId="2"/>
  </si>
  <si>
    <t>注３　24時間観測の時間帯は、午前７時～翌日午前７時　または　午前0時～翌日午前０時。</t>
    <rPh sb="0" eb="1">
      <t>チュウ</t>
    </rPh>
    <rPh sb="5" eb="7">
      <t>ジカン</t>
    </rPh>
    <rPh sb="7" eb="9">
      <t>カンソク</t>
    </rPh>
    <rPh sb="10" eb="13">
      <t>ジカンタイ</t>
    </rPh>
    <rPh sb="15" eb="17">
      <t>ゴゼン</t>
    </rPh>
    <rPh sb="18" eb="19">
      <t>ジ</t>
    </rPh>
    <rPh sb="20" eb="22">
      <t>ヨクジツ</t>
    </rPh>
    <rPh sb="22" eb="24">
      <t>ゴゼン</t>
    </rPh>
    <rPh sb="25" eb="26">
      <t>ジ</t>
    </rPh>
    <rPh sb="31" eb="33">
      <t>ゴゼン</t>
    </rPh>
    <rPh sb="34" eb="35">
      <t>ジ</t>
    </rPh>
    <rPh sb="36" eb="38">
      <t>ヨクジツ</t>
    </rPh>
    <rPh sb="38" eb="40">
      <t>ゴゼン</t>
    </rPh>
    <rPh sb="41" eb="42">
      <t>ジ</t>
    </rPh>
    <phoneticPr fontId="2"/>
  </si>
  <si>
    <t>注４　通行車両等の分類は、右の表のとおり。　</t>
    <rPh sb="0" eb="1">
      <t>チュウ</t>
    </rPh>
    <rPh sb="3" eb="5">
      <t>ツウコウ</t>
    </rPh>
    <rPh sb="5" eb="8">
      <t>シャリョウナド</t>
    </rPh>
    <rPh sb="9" eb="11">
      <t>ブンルイ</t>
    </rPh>
    <rPh sb="13" eb="14">
      <t>ミギ</t>
    </rPh>
    <rPh sb="15" eb="16">
      <t>ヒョウ</t>
    </rPh>
    <phoneticPr fontId="2"/>
  </si>
  <si>
    <t>注５　観測地点が【非観測】のものについては、交通量等が推定値であり、斜体により表記。</t>
    <rPh sb="0" eb="1">
      <t>チュウ</t>
    </rPh>
    <rPh sb="3" eb="5">
      <t>カンソク</t>
    </rPh>
    <rPh sb="5" eb="7">
      <t>チテン</t>
    </rPh>
    <rPh sb="9" eb="10">
      <t>ヒ</t>
    </rPh>
    <rPh sb="10" eb="12">
      <t>カンソク</t>
    </rPh>
    <rPh sb="22" eb="25">
      <t>コウツウリョウ</t>
    </rPh>
    <rPh sb="25" eb="26">
      <t>トウ</t>
    </rPh>
    <rPh sb="27" eb="30">
      <t>スイテイチ</t>
    </rPh>
    <rPh sb="34" eb="36">
      <t>シャタイ</t>
    </rPh>
    <rPh sb="39" eb="41">
      <t>ヒョウキ</t>
    </rPh>
    <phoneticPr fontId="2"/>
  </si>
  <si>
    <t>注６　昼夜率は、昼間12時間自動車類交通量に対する24時間自動車類交通量の割合。</t>
    <rPh sb="0" eb="1">
      <t>チュウ</t>
    </rPh>
    <rPh sb="3" eb="5">
      <t>チュウヤ</t>
    </rPh>
    <rPh sb="5" eb="6">
      <t>リツ</t>
    </rPh>
    <rPh sb="8" eb="10">
      <t>ヒルマ</t>
    </rPh>
    <rPh sb="12" eb="14">
      <t>ジカン</t>
    </rPh>
    <rPh sb="14" eb="17">
      <t>ジドウシャ</t>
    </rPh>
    <rPh sb="17" eb="18">
      <t>ルイ</t>
    </rPh>
    <rPh sb="18" eb="20">
      <t>コウツウ</t>
    </rPh>
    <rPh sb="20" eb="21">
      <t>リョウ</t>
    </rPh>
    <rPh sb="22" eb="23">
      <t>タイ</t>
    </rPh>
    <rPh sb="27" eb="29">
      <t>ジカン</t>
    </rPh>
    <rPh sb="29" eb="32">
      <t>ジドウシャ</t>
    </rPh>
    <rPh sb="32" eb="33">
      <t>ルイ</t>
    </rPh>
    <rPh sb="33" eb="35">
      <t>コウツウ</t>
    </rPh>
    <rPh sb="35" eb="36">
      <t>リョウ</t>
    </rPh>
    <rPh sb="37" eb="39">
      <t>ワリアイ</t>
    </rPh>
    <phoneticPr fontId="2"/>
  </si>
  <si>
    <t>注７　昼夜12時間ピーク比率は、ピーク時間交通量の昼間12時間交通量に対する割合。</t>
    <rPh sb="0" eb="1">
      <t>チュウ</t>
    </rPh>
    <rPh sb="3" eb="5">
      <t>チュウヤ</t>
    </rPh>
    <rPh sb="7" eb="9">
      <t>ジカン</t>
    </rPh>
    <rPh sb="12" eb="14">
      <t>ヒリツ</t>
    </rPh>
    <rPh sb="19" eb="21">
      <t>ジカン</t>
    </rPh>
    <rPh sb="21" eb="24">
      <t>コウツウリョウ</t>
    </rPh>
    <rPh sb="25" eb="27">
      <t>ヒルマ</t>
    </rPh>
    <rPh sb="29" eb="31">
      <t>ジカン</t>
    </rPh>
    <rPh sb="31" eb="34">
      <t>コウツウリョウ</t>
    </rPh>
    <rPh sb="35" eb="36">
      <t>タイ</t>
    </rPh>
    <rPh sb="38" eb="40">
      <t>ワリアイ</t>
    </rPh>
    <phoneticPr fontId="2"/>
  </si>
  <si>
    <t>注８　昼間12時間大型車混入率は、自動車類交通量に対する大型車交通量の割合。</t>
    <rPh sb="0" eb="1">
      <t>チュウ</t>
    </rPh>
    <rPh sb="3" eb="5">
      <t>ヒルマ</t>
    </rPh>
    <rPh sb="7" eb="9">
      <t>ジカン</t>
    </rPh>
    <rPh sb="9" eb="12">
      <t>オオガタシャ</t>
    </rPh>
    <rPh sb="12" eb="15">
      <t>コンニュウリツ</t>
    </rPh>
    <rPh sb="17" eb="20">
      <t>ジドウシャ</t>
    </rPh>
    <rPh sb="20" eb="21">
      <t>ルイ</t>
    </rPh>
    <rPh sb="21" eb="24">
      <t>コウツウリョウ</t>
    </rPh>
    <rPh sb="25" eb="26">
      <t>タイ</t>
    </rPh>
    <rPh sb="28" eb="31">
      <t>オオガタシャ</t>
    </rPh>
    <rPh sb="31" eb="34">
      <t>コウツウリョウ</t>
    </rPh>
    <rPh sb="35" eb="37">
      <t>ワリアイ</t>
    </rPh>
    <phoneticPr fontId="2"/>
  </si>
  <si>
    <t>24時間自動車類交通量</t>
    <rPh sb="2" eb="4">
      <t>ジカン</t>
    </rPh>
    <rPh sb="4" eb="7">
      <t>ジドウシャ</t>
    </rPh>
    <rPh sb="7" eb="8">
      <t>ルイ</t>
    </rPh>
    <rPh sb="8" eb="11">
      <t>コウツウリョウ</t>
    </rPh>
    <phoneticPr fontId="2"/>
  </si>
  <si>
    <t>昼夜率</t>
    <rPh sb="0" eb="2">
      <t>チュウヤ</t>
    </rPh>
    <rPh sb="2" eb="3">
      <t>リツ</t>
    </rPh>
    <phoneticPr fontId="2"/>
  </si>
  <si>
    <t>昼間12時間ピーク比率</t>
    <rPh sb="0" eb="2">
      <t>ヒルマ</t>
    </rPh>
    <rPh sb="4" eb="6">
      <t>ジカン</t>
    </rPh>
    <rPh sb="9" eb="11">
      <t>ヒリツ</t>
    </rPh>
    <phoneticPr fontId="2"/>
  </si>
  <si>
    <t>昼間12時間大型車混入率</t>
    <rPh sb="0" eb="2">
      <t>ヒルマ</t>
    </rPh>
    <rPh sb="4" eb="6">
      <t>ジカン</t>
    </rPh>
    <rPh sb="6" eb="9">
      <t>オオガタシャ</t>
    </rPh>
    <rPh sb="9" eb="12">
      <t>コンニュウリツ</t>
    </rPh>
    <phoneticPr fontId="2"/>
  </si>
  <si>
    <t>(参考)平成27年度</t>
    <rPh sb="1" eb="3">
      <t>サンコウ</t>
    </rPh>
    <rPh sb="4" eb="6">
      <t>ヘイセイ</t>
    </rPh>
    <rPh sb="8" eb="10">
      <t>ネンド</t>
    </rPh>
    <phoneticPr fontId="2"/>
  </si>
  <si>
    <t>昼間12時間自動車類交通量</t>
    <rPh sb="0" eb="2">
      <t>ヒルマ</t>
    </rPh>
    <rPh sb="4" eb="6">
      <t>ジカン</t>
    </rPh>
    <rPh sb="6" eb="9">
      <t>ジドウシャ</t>
    </rPh>
    <rPh sb="9" eb="10">
      <t>ルイ</t>
    </rPh>
    <rPh sb="10" eb="13">
      <t>コウツウリョウ</t>
    </rPh>
    <phoneticPr fontId="2"/>
  </si>
  <si>
    <t>-</t>
    <phoneticPr fontId="2"/>
  </si>
  <si>
    <t>（通行車両等の分類）</t>
    <rPh sb="1" eb="3">
      <t>ツウコウ</t>
    </rPh>
    <rPh sb="3" eb="6">
      <t>シャリョウナド</t>
    </rPh>
    <rPh sb="7" eb="9">
      <t>ブンルイ</t>
    </rPh>
    <phoneticPr fontId="2"/>
  </si>
  <si>
    <t>バス</t>
    <phoneticPr fontId="2"/>
  </si>
  <si>
    <t>ナンバー2</t>
    <phoneticPr fontId="2"/>
  </si>
  <si>
    <t>ナンバー8、9、１0</t>
    <phoneticPr fontId="2"/>
  </si>
  <si>
    <t>一般国道２４号
（京奈和自動車道）</t>
    <rPh sb="0" eb="2">
      <t>イッパン</t>
    </rPh>
    <rPh sb="2" eb="4">
      <t>コクドウ</t>
    </rPh>
    <rPh sb="6" eb="7">
      <t>ゴウ</t>
    </rPh>
    <rPh sb="9" eb="12">
      <t>ケイナワ</t>
    </rPh>
    <rPh sb="12" eb="16">
      <t>ジドウシャドウ</t>
    </rPh>
    <phoneticPr fontId="2"/>
  </si>
  <si>
    <t>一般国道１号
（京都南道路）</t>
    <rPh sb="0" eb="2">
      <t>イッパン</t>
    </rPh>
    <rPh sb="2" eb="4">
      <t>コクドウ</t>
    </rPh>
    <rPh sb="5" eb="6">
      <t>ゴウ</t>
    </rPh>
    <rPh sb="8" eb="10">
      <t>キョウト</t>
    </rPh>
    <rPh sb="10" eb="11">
      <t>ミナミ</t>
    </rPh>
    <rPh sb="11" eb="13">
      <t>ドウロ</t>
    </rPh>
    <phoneticPr fontId="2"/>
  </si>
  <si>
    <r>
      <t xml:space="preserve">一般国道２４号
</t>
    </r>
    <r>
      <rPr>
        <sz val="9"/>
        <rFont val="ＭＳ Ｐ明朝"/>
        <family val="1"/>
        <charset val="128"/>
      </rPr>
      <t>（京奈和自動車道）</t>
    </r>
    <rPh sb="9" eb="12">
      <t>ケイナワ</t>
    </rPh>
    <rPh sb="12" eb="15">
      <t>ジドウシャ</t>
    </rPh>
    <phoneticPr fontId="2"/>
  </si>
  <si>
    <t>（令和3年度）</t>
    <rPh sb="1" eb="3">
      <t>レイワ</t>
    </rPh>
    <rPh sb="4" eb="5">
      <t>ネン</t>
    </rPh>
    <rPh sb="5" eb="6">
      <t>ド</t>
    </rPh>
    <phoneticPr fontId="2"/>
  </si>
  <si>
    <t>資料：総務室（全国道路・街路交通情勢調査）</t>
    <rPh sb="0" eb="2">
      <t>シリョウ</t>
    </rPh>
    <rPh sb="3" eb="6">
      <t>ソウムシツ</t>
    </rPh>
    <rPh sb="7" eb="9">
      <t>ゼンコク</t>
    </rPh>
    <rPh sb="9" eb="11">
      <t>ドウロ</t>
    </rPh>
    <rPh sb="12" eb="14">
      <t>ガイロ</t>
    </rPh>
    <rPh sb="14" eb="16">
      <t>コウツウ</t>
    </rPh>
    <rPh sb="16" eb="18">
      <t>ジョウセイ</t>
    </rPh>
    <rPh sb="18" eb="20">
      <t>チョウサ</t>
    </rPh>
    <phoneticPr fontId="2"/>
  </si>
  <si>
    <t>（令和６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7">
    <numFmt numFmtId="42" formatCode="_ &quot;¥&quot;* #,##0_ ;_ &quot;¥&quot;* \-#,##0_ ;_ &quot;¥&quot;* &quot;-&quot;_ ;_ @_ "/>
    <numFmt numFmtId="176" formatCode="#,##0_ "/>
    <numFmt numFmtId="177" formatCode="0_);[Red]\(0\)"/>
    <numFmt numFmtId="178" formatCode="#,##0_);[Red]\(#,##0\)"/>
    <numFmt numFmtId="179" formatCode="0_);\(0\)"/>
    <numFmt numFmtId="180" formatCode="#,##0.0_);[Red]\(#,##0.0\)"/>
    <numFmt numFmtId="181" formatCode="\(#,##0\)"/>
    <numFmt numFmtId="182" formatCode="#,##0.0;[Red]\-#,##0.0"/>
    <numFmt numFmtId="183" formatCode="#,##0_ ;[Red]\-#,##0\ "/>
    <numFmt numFmtId="184" formatCode="#,##0.0\ ;&quot;△ &quot;#,##0.0\ ;@\ \ "/>
    <numFmt numFmtId="185" formatCode="#,##0\ ;@\ "/>
    <numFmt numFmtId="186" formatCode="0&quot;年&quot;"/>
    <numFmt numFmtId="187" formatCode="&quot;令和&quot;\ 0&quot;年&quot;"/>
    <numFmt numFmtId="188" formatCode="&quot;令&quot;&quot;和&quot;\ 00&quot;年&quot;"/>
    <numFmt numFmtId="189" formatCode="&quot;令&quot;&quot;和&quot;\ 0&quot;年&quot;"/>
    <numFmt numFmtId="190" formatCode="&quot;令和 &quot;0&quot;年&quot;"/>
    <numFmt numFmtId="191" formatCode="#,##0.00_);[Red]\(#,##0.00\)"/>
  </numFmts>
  <fonts count="3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ゴシック"/>
      <family val="3"/>
      <charset val="128"/>
    </font>
    <font>
      <b/>
      <sz val="12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9"/>
      <name val="ＭＳ Ｐゴシック"/>
      <family val="3"/>
      <charset val="128"/>
    </font>
    <font>
      <sz val="9"/>
      <name val="ＭＳ 明朝"/>
      <family val="1"/>
      <charset val="128"/>
    </font>
    <font>
      <b/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8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ＭＳ Ｐゴシック"/>
      <family val="3"/>
      <charset val="128"/>
    </font>
    <font>
      <sz val="8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0"/>
      <color theme="1"/>
      <name val="ＭＳ Ｐ明朝"/>
      <family val="1"/>
      <charset val="128"/>
    </font>
    <font>
      <b/>
      <sz val="10"/>
      <name val="ＭＳ Ｐゴシック"/>
      <family val="3"/>
      <charset val="128"/>
      <scheme val="major"/>
    </font>
    <font>
      <sz val="8"/>
      <color theme="1"/>
      <name val="ＭＳ Ｐ明朝"/>
      <family val="1"/>
      <charset val="128"/>
    </font>
    <font>
      <b/>
      <sz val="8"/>
      <name val="ＭＳ Ｐゴシック"/>
      <family val="3"/>
      <charset val="128"/>
    </font>
    <font>
      <sz val="6"/>
      <name val="ＭＳ Ｐ明朝"/>
      <family val="1"/>
      <charset val="128"/>
    </font>
    <font>
      <b/>
      <i/>
      <sz val="1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8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/>
      <right style="hair">
        <color indexed="64"/>
      </right>
      <top style="hair">
        <color indexed="8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8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/>
      <right style="thin">
        <color indexed="8"/>
      </right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/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/>
      <top style="thin">
        <color indexed="8"/>
      </top>
      <bottom style="hair">
        <color indexed="8"/>
      </bottom>
      <diagonal/>
    </border>
    <border>
      <left/>
      <right/>
      <top style="thin">
        <color indexed="8"/>
      </top>
      <bottom style="hair">
        <color indexed="8"/>
      </bottom>
      <diagonal/>
    </border>
    <border>
      <left/>
      <right style="hair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591">
    <xf numFmtId="0" fontId="0" fillId="0" borderId="0" xfId="0"/>
    <xf numFmtId="0" fontId="16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18" fillId="0" borderId="0" xfId="0" applyFont="1" applyAlignment="1">
      <alignment horizontal="left" vertical="center"/>
    </xf>
    <xf numFmtId="0" fontId="15" fillId="0" borderId="0" xfId="0" applyFont="1" applyAlignment="1">
      <alignment horizontal="left" vertical="center"/>
    </xf>
    <xf numFmtId="0" fontId="5" fillId="0" borderId="1" xfId="0" applyFont="1" applyBorder="1" applyAlignment="1">
      <alignment horizontal="right"/>
    </xf>
    <xf numFmtId="0" fontId="12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4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 textRotation="255"/>
    </xf>
    <xf numFmtId="0" fontId="5" fillId="0" borderId="0" xfId="0" applyFont="1" applyAlignment="1">
      <alignment horizontal="left" vertical="center"/>
    </xf>
    <xf numFmtId="0" fontId="12" fillId="0" borderId="2" xfId="0" applyFont="1" applyBorder="1" applyAlignment="1">
      <alignment horizontal="left" vertical="center"/>
    </xf>
    <xf numFmtId="0" fontId="12" fillId="0" borderId="2" xfId="0" applyFont="1" applyBorder="1" applyAlignment="1">
      <alignment horizontal="left" vertical="center" shrinkToFit="1"/>
    </xf>
    <xf numFmtId="0" fontId="12" fillId="0" borderId="0" xfId="0" applyFont="1" applyAlignment="1">
      <alignment horizontal="left" vertical="center" shrinkToFit="1"/>
    </xf>
    <xf numFmtId="0" fontId="12" fillId="0" borderId="0" xfId="0" applyFont="1" applyAlignment="1">
      <alignment horizontal="right" vertical="center"/>
    </xf>
    <xf numFmtId="0" fontId="5" fillId="0" borderId="0" xfId="0" applyFont="1" applyAlignment="1">
      <alignment horizontal="right"/>
    </xf>
    <xf numFmtId="0" fontId="12" fillId="0" borderId="0" xfId="0" applyFont="1" applyAlignment="1">
      <alignment horizontal="left" vertical="center"/>
    </xf>
    <xf numFmtId="177" fontId="16" fillId="0" borderId="0" xfId="0" applyNumberFormat="1" applyFont="1" applyAlignment="1">
      <alignment vertical="center"/>
    </xf>
    <xf numFmtId="0" fontId="17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177" fontId="13" fillId="0" borderId="0" xfId="0" applyNumberFormat="1" applyFont="1" applyAlignment="1">
      <alignment vertical="center"/>
    </xf>
    <xf numFmtId="0" fontId="21" fillId="0" borderId="3" xfId="0" applyFont="1" applyBorder="1" applyAlignment="1" applyProtection="1">
      <alignment vertical="center" shrinkToFit="1"/>
      <protection locked="0"/>
    </xf>
    <xf numFmtId="0" fontId="21" fillId="0" borderId="1" xfId="0" applyFont="1" applyBorder="1" applyAlignment="1" applyProtection="1">
      <alignment horizontal="right" vertical="center" shrinkToFit="1"/>
      <protection locked="0"/>
    </xf>
    <xf numFmtId="0" fontId="21" fillId="0" borderId="4" xfId="0" applyFont="1" applyBorder="1" applyAlignment="1" applyProtection="1">
      <alignment vertical="center" shrinkToFit="1"/>
      <protection locked="0"/>
    </xf>
    <xf numFmtId="0" fontId="8" fillId="0" borderId="5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177" fontId="5" fillId="0" borderId="0" xfId="0" applyNumberFormat="1" applyFont="1" applyAlignment="1">
      <alignment vertical="center"/>
    </xf>
    <xf numFmtId="177" fontId="16" fillId="2" borderId="0" xfId="0" applyNumberFormat="1" applyFont="1" applyFill="1" applyAlignment="1">
      <alignment vertical="center"/>
    </xf>
    <xf numFmtId="0" fontId="16" fillId="2" borderId="0" xfId="0" applyFont="1" applyFill="1" applyAlignment="1">
      <alignment vertical="center"/>
    </xf>
    <xf numFmtId="0" fontId="13" fillId="2" borderId="0" xfId="0" applyFont="1" applyFill="1" applyAlignment="1">
      <alignment vertical="center"/>
    </xf>
    <xf numFmtId="0" fontId="15" fillId="0" borderId="0" xfId="0" applyFont="1" applyAlignment="1">
      <alignment vertical="center"/>
    </xf>
    <xf numFmtId="182" fontId="16" fillId="0" borderId="0" xfId="1" applyNumberFormat="1" applyFont="1" applyFill="1" applyAlignment="1">
      <alignment vertical="center"/>
    </xf>
    <xf numFmtId="182" fontId="16" fillId="0" borderId="0" xfId="1" applyNumberFormat="1" applyFont="1" applyFill="1" applyAlignment="1" applyProtection="1">
      <alignment vertical="center"/>
    </xf>
    <xf numFmtId="177" fontId="16" fillId="0" borderId="0" xfId="0" applyNumberFormat="1" applyFont="1" applyAlignment="1">
      <alignment horizontal="left" vertical="center"/>
    </xf>
    <xf numFmtId="177" fontId="12" fillId="0" borderId="0" xfId="0" applyNumberFormat="1" applyFont="1" applyAlignment="1">
      <alignment vertical="center"/>
    </xf>
    <xf numFmtId="177" fontId="20" fillId="0" borderId="0" xfId="0" applyNumberFormat="1" applyFont="1" applyAlignment="1">
      <alignment vertical="center"/>
    </xf>
    <xf numFmtId="177" fontId="25" fillId="0" borderId="0" xfId="0" applyNumberFormat="1" applyFont="1" applyAlignment="1">
      <alignment vertical="center"/>
    </xf>
    <xf numFmtId="179" fontId="12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top"/>
    </xf>
    <xf numFmtId="0" fontId="5" fillId="0" borderId="0" xfId="0" applyFont="1" applyAlignment="1">
      <alignment horizontal="center" vertical="center" wrapText="1"/>
    </xf>
    <xf numFmtId="177" fontId="16" fillId="3" borderId="0" xfId="0" applyNumberFormat="1" applyFont="1" applyFill="1" applyAlignment="1">
      <alignment vertical="center"/>
    </xf>
    <xf numFmtId="179" fontId="6" fillId="3" borderId="0" xfId="0" applyNumberFormat="1" applyFont="1" applyFill="1" applyAlignment="1">
      <alignment vertical="center" shrinkToFit="1"/>
    </xf>
    <xf numFmtId="0" fontId="16" fillId="3" borderId="0" xfId="0" applyFont="1" applyFill="1" applyAlignment="1">
      <alignment vertical="center"/>
    </xf>
    <xf numFmtId="0" fontId="13" fillId="3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177" fontId="6" fillId="0" borderId="0" xfId="0" applyNumberFormat="1" applyFont="1" applyAlignment="1">
      <alignment vertical="center"/>
    </xf>
    <xf numFmtId="177" fontId="1" fillId="0" borderId="0" xfId="0" applyNumberFormat="1" applyFont="1" applyAlignment="1">
      <alignment vertical="center"/>
    </xf>
    <xf numFmtId="0" fontId="1" fillId="0" borderId="0" xfId="0" applyFont="1"/>
    <xf numFmtId="0" fontId="6" fillId="0" borderId="8" xfId="0" applyFont="1" applyBorder="1" applyAlignment="1" applyProtection="1">
      <alignment horizontal="right" vertical="center" shrinkToFit="1"/>
      <protection locked="0"/>
    </xf>
    <xf numFmtId="0" fontId="6" fillId="0" borderId="8" xfId="0" applyFont="1" applyBorder="1" applyAlignment="1" applyProtection="1">
      <alignment vertical="center" shrinkToFit="1"/>
      <protection locked="0"/>
    </xf>
    <xf numFmtId="0" fontId="6" fillId="0" borderId="1" xfId="0" applyFont="1" applyBorder="1" applyAlignment="1" applyProtection="1">
      <alignment horizontal="right" vertical="center" shrinkToFit="1"/>
      <protection locked="0"/>
    </xf>
    <xf numFmtId="0" fontId="6" fillId="0" borderId="1" xfId="0" applyFont="1" applyBorder="1" applyAlignment="1" applyProtection="1">
      <alignment vertical="center" shrinkToFit="1"/>
      <protection locked="0"/>
    </xf>
    <xf numFmtId="188" fontId="18" fillId="0" borderId="0" xfId="0" applyNumberFormat="1" applyFont="1" applyAlignment="1">
      <alignment horizontal="left" vertical="center"/>
    </xf>
    <xf numFmtId="0" fontId="21" fillId="0" borderId="13" xfId="0" applyFont="1" applyBorder="1" applyAlignment="1" applyProtection="1">
      <alignment vertical="center" shrinkToFit="1"/>
      <protection locked="0"/>
    </xf>
    <xf numFmtId="38" fontId="21" fillId="0" borderId="3" xfId="0" applyNumberFormat="1" applyFont="1" applyBorder="1" applyAlignment="1" applyProtection="1">
      <alignment vertical="center" shrinkToFit="1"/>
      <protection locked="0"/>
    </xf>
    <xf numFmtId="38" fontId="21" fillId="0" borderId="10" xfId="0" applyNumberFormat="1" applyFont="1" applyBorder="1" applyAlignment="1" applyProtection="1">
      <alignment horizontal="right" vertical="center" shrinkToFit="1"/>
      <protection locked="0"/>
    </xf>
    <xf numFmtId="38" fontId="21" fillId="0" borderId="16" xfId="0" applyNumberFormat="1" applyFont="1" applyBorder="1" applyAlignment="1" applyProtection="1">
      <alignment vertical="center" shrinkToFit="1"/>
      <protection locked="0"/>
    </xf>
    <xf numFmtId="0" fontId="4" fillId="0" borderId="0" xfId="0" applyFont="1" applyAlignment="1">
      <alignment horizontal="left" vertical="center"/>
    </xf>
    <xf numFmtId="0" fontId="19" fillId="0" borderId="18" xfId="0" applyFont="1" applyBorder="1" applyAlignment="1">
      <alignment vertical="center"/>
    </xf>
    <xf numFmtId="0" fontId="19" fillId="0" borderId="8" xfId="0" applyFont="1" applyBorder="1" applyAlignment="1">
      <alignment vertical="center"/>
    </xf>
    <xf numFmtId="0" fontId="19" fillId="0" borderId="17" xfId="0" applyFont="1" applyBorder="1" applyAlignment="1">
      <alignment vertical="center"/>
    </xf>
    <xf numFmtId="0" fontId="11" fillId="0" borderId="6" xfId="0" applyFont="1" applyBorder="1" applyAlignment="1">
      <alignment horizontal="left" vertical="center" shrinkToFit="1"/>
    </xf>
    <xf numFmtId="0" fontId="11" fillId="0" borderId="0" xfId="0" applyFont="1" applyAlignment="1">
      <alignment horizontal="left" vertical="center" shrinkToFit="1"/>
    </xf>
    <xf numFmtId="0" fontId="11" fillId="0" borderId="7" xfId="0" applyFont="1" applyBorder="1" applyAlignment="1">
      <alignment horizontal="left" vertical="center" shrinkToFit="1"/>
    </xf>
    <xf numFmtId="0" fontId="11" fillId="0" borderId="6" xfId="0" applyFont="1" applyBorder="1" applyAlignment="1">
      <alignment horizontal="left" vertical="center" wrapText="1"/>
    </xf>
    <xf numFmtId="0" fontId="11" fillId="0" borderId="0" xfId="0" applyFont="1" applyAlignment="1">
      <alignment horizontal="left" vertical="center" wrapText="1"/>
    </xf>
    <xf numFmtId="0" fontId="11" fillId="0" borderId="7" xfId="0" applyFont="1" applyBorder="1" applyAlignment="1">
      <alignment horizontal="left" vertical="center" wrapText="1"/>
    </xf>
    <xf numFmtId="0" fontId="6" fillId="0" borderId="20" xfId="0" applyFont="1" applyBorder="1" applyAlignment="1">
      <alignment vertical="center" wrapText="1"/>
    </xf>
    <xf numFmtId="0" fontId="6" fillId="0" borderId="8" xfId="0" applyFont="1" applyBorder="1" applyAlignment="1">
      <alignment vertical="center" wrapText="1"/>
    </xf>
    <xf numFmtId="0" fontId="6" fillId="0" borderId="17" xfId="0" applyFont="1" applyBorder="1" applyAlignment="1">
      <alignment vertical="center" wrapText="1"/>
    </xf>
    <xf numFmtId="0" fontId="11" fillId="0" borderId="6" xfId="0" applyFont="1" applyBorder="1" applyAlignment="1">
      <alignment vertical="center"/>
    </xf>
    <xf numFmtId="0" fontId="11" fillId="0" borderId="0" xfId="0" applyFont="1" applyAlignment="1">
      <alignment vertical="center" shrinkToFit="1"/>
    </xf>
    <xf numFmtId="0" fontId="11" fillId="0" borderId="7" xfId="0" applyFont="1" applyBorder="1" applyAlignment="1">
      <alignment vertical="center" shrinkToFit="1"/>
    </xf>
    <xf numFmtId="0" fontId="11" fillId="0" borderId="6" xfId="0" applyFont="1" applyBorder="1" applyAlignment="1">
      <alignment vertical="center" shrinkToFit="1"/>
    </xf>
    <xf numFmtId="0" fontId="11" fillId="0" borderId="6" xfId="0" applyFont="1" applyBorder="1" applyAlignment="1">
      <alignment vertical="center" wrapText="1"/>
    </xf>
    <xf numFmtId="0" fontId="11" fillId="0" borderId="0" xfId="0" applyFont="1" applyAlignment="1">
      <alignment vertical="center" wrapText="1"/>
    </xf>
    <xf numFmtId="0" fontId="11" fillId="0" borderId="7" xfId="0" applyFont="1" applyBorder="1" applyAlignment="1">
      <alignment vertical="center" wrapText="1"/>
    </xf>
    <xf numFmtId="0" fontId="11" fillId="0" borderId="6" xfId="0" applyFont="1" applyBorder="1" applyAlignment="1">
      <alignment horizontal="left" vertical="center"/>
    </xf>
    <xf numFmtId="0" fontId="11" fillId="0" borderId="6" xfId="0" applyFont="1" applyBorder="1" applyAlignment="1">
      <alignment horizontal="center" vertical="center" shrinkToFit="1"/>
    </xf>
    <xf numFmtId="0" fontId="11" fillId="0" borderId="0" xfId="0" applyFont="1" applyAlignment="1">
      <alignment horizontal="center" vertical="center" shrinkToFit="1"/>
    </xf>
    <xf numFmtId="0" fontId="11" fillId="0" borderId="7" xfId="0" applyFont="1" applyBorder="1" applyAlignment="1">
      <alignment horizontal="center" vertical="center" shrinkToFit="1"/>
    </xf>
    <xf numFmtId="0" fontId="11" fillId="0" borderId="0" xfId="0" applyFont="1" applyAlignment="1">
      <alignment vertical="center"/>
    </xf>
    <xf numFmtId="0" fontId="11" fillId="0" borderId="7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11" fillId="0" borderId="11" xfId="0" applyFont="1" applyBorder="1" applyAlignment="1">
      <alignment vertical="center"/>
    </xf>
    <xf numFmtId="0" fontId="11" fillId="0" borderId="12" xfId="0" applyFont="1" applyBorder="1" applyAlignment="1">
      <alignment vertical="center"/>
    </xf>
    <xf numFmtId="0" fontId="6" fillId="0" borderId="20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6" fillId="0" borderId="17" xfId="0" applyFont="1" applyBorder="1" applyAlignment="1">
      <alignment vertical="center"/>
    </xf>
    <xf numFmtId="0" fontId="11" fillId="0" borderId="0" xfId="0" applyFont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11" fillId="0" borderId="11" xfId="0" applyFont="1" applyBorder="1" applyAlignment="1">
      <alignment horizontal="left" vertical="center"/>
    </xf>
    <xf numFmtId="0" fontId="11" fillId="0" borderId="12" xfId="0" applyFont="1" applyBorder="1" applyAlignment="1">
      <alignment horizontal="left" vertical="center"/>
    </xf>
    <xf numFmtId="0" fontId="6" fillId="0" borderId="9" xfId="0" applyFont="1" applyBorder="1" applyAlignment="1">
      <alignment vertical="top" wrapText="1"/>
    </xf>
    <xf numFmtId="0" fontId="6" fillId="0" borderId="0" xfId="0" applyFont="1" applyAlignment="1">
      <alignment vertical="top" wrapText="1"/>
    </xf>
    <xf numFmtId="0" fontId="6" fillId="0" borderId="7" xfId="0" applyFont="1" applyBorder="1" applyAlignment="1">
      <alignment vertical="top" wrapText="1"/>
    </xf>
    <xf numFmtId="179" fontId="11" fillId="0" borderId="10" xfId="0" applyNumberFormat="1" applyFont="1" applyBorder="1" applyAlignment="1">
      <alignment horizontal="left" vertical="center"/>
    </xf>
    <xf numFmtId="179" fontId="11" fillId="0" borderId="11" xfId="0" applyNumberFormat="1" applyFont="1" applyBorder="1" applyAlignment="1">
      <alignment horizontal="left" vertical="center"/>
    </xf>
    <xf numFmtId="0" fontId="30" fillId="0" borderId="18" xfId="0" applyFont="1" applyBorder="1" applyAlignment="1">
      <alignment horizontal="left" vertical="center"/>
    </xf>
    <xf numFmtId="0" fontId="30" fillId="0" borderId="8" xfId="0" applyFont="1" applyBorder="1" applyAlignment="1">
      <alignment horizontal="left" vertical="center"/>
    </xf>
    <xf numFmtId="0" fontId="30" fillId="0" borderId="17" xfId="0" applyFont="1" applyBorder="1" applyAlignment="1">
      <alignment horizontal="left" vertical="center"/>
    </xf>
    <xf numFmtId="0" fontId="30" fillId="0" borderId="8" xfId="0" applyFont="1" applyBorder="1" applyAlignment="1">
      <alignment horizontal="center" vertical="center"/>
    </xf>
    <xf numFmtId="0" fontId="30" fillId="0" borderId="17" xfId="0" applyFont="1" applyBorder="1" applyAlignment="1">
      <alignment horizontal="center" vertical="center"/>
    </xf>
    <xf numFmtId="0" fontId="11" fillId="0" borderId="1" xfId="0" applyFont="1" applyBorder="1" applyAlignment="1">
      <alignment horizontal="left" vertical="center"/>
    </xf>
    <xf numFmtId="0" fontId="11" fillId="0" borderId="15" xfId="0" applyFont="1" applyBorder="1" applyAlignment="1">
      <alignment horizontal="left" vertical="center"/>
    </xf>
    <xf numFmtId="0" fontId="30" fillId="0" borderId="14" xfId="0" applyFont="1" applyBorder="1" applyAlignment="1">
      <alignment horizontal="left" vertical="center"/>
    </xf>
    <xf numFmtId="0" fontId="30" fillId="0" borderId="1" xfId="0" applyFont="1" applyBorder="1" applyAlignment="1">
      <alignment horizontal="left" vertical="center"/>
    </xf>
    <xf numFmtId="0" fontId="30" fillId="0" borderId="15" xfId="0" applyFont="1" applyBorder="1" applyAlignment="1">
      <alignment horizontal="left" vertical="center"/>
    </xf>
    <xf numFmtId="0" fontId="30" fillId="0" borderId="14" xfId="0" applyFont="1" applyBorder="1" applyAlignment="1">
      <alignment horizontal="center" vertical="center"/>
    </xf>
    <xf numFmtId="0" fontId="30" fillId="0" borderId="1" xfId="0" applyFont="1" applyBorder="1" applyAlignment="1">
      <alignment horizontal="center" vertical="center"/>
    </xf>
    <xf numFmtId="0" fontId="30" fillId="0" borderId="15" xfId="0" applyFont="1" applyBorder="1" applyAlignment="1">
      <alignment horizontal="center" vertical="center"/>
    </xf>
    <xf numFmtId="38" fontId="6" fillId="0" borderId="10" xfId="0" applyNumberFormat="1" applyFont="1" applyBorder="1" applyAlignment="1" applyProtection="1">
      <alignment horizontal="right" vertical="center" shrinkToFit="1"/>
      <protection locked="0"/>
    </xf>
    <xf numFmtId="38" fontId="6" fillId="0" borderId="10" xfId="0" applyNumberFormat="1" applyFont="1" applyBorder="1" applyAlignment="1" applyProtection="1">
      <alignment vertical="center" shrinkToFit="1"/>
      <protection locked="0"/>
    </xf>
    <xf numFmtId="0" fontId="6" fillId="0" borderId="0" xfId="0" applyFont="1" applyAlignment="1" applyProtection="1">
      <alignment horizontal="right" vertical="center" shrinkToFit="1"/>
      <protection locked="0"/>
    </xf>
    <xf numFmtId="0" fontId="21" fillId="0" borderId="0" xfId="0" applyFont="1" applyAlignment="1" applyProtection="1">
      <alignment horizontal="right" vertical="center" shrinkToFit="1"/>
      <protection locked="0"/>
    </xf>
    <xf numFmtId="0" fontId="6" fillId="0" borderId="0" xfId="0" applyFont="1" applyAlignment="1" applyProtection="1">
      <alignment vertical="center" shrinkToFit="1"/>
      <protection locked="0"/>
    </xf>
    <xf numFmtId="38" fontId="6" fillId="0" borderId="0" xfId="0" applyNumberFormat="1" applyFont="1" applyAlignment="1" applyProtection="1">
      <alignment vertical="center" shrinkToFit="1"/>
      <protection locked="0"/>
    </xf>
    <xf numFmtId="38" fontId="21" fillId="0" borderId="0" xfId="0" applyNumberFormat="1" applyFont="1" applyAlignment="1" applyProtection="1">
      <alignment horizontal="right" vertical="center" shrinkToFit="1"/>
      <protection locked="0"/>
    </xf>
    <xf numFmtId="38" fontId="6" fillId="0" borderId="0" xfId="0" applyNumberFormat="1" applyFont="1" applyAlignment="1" applyProtection="1">
      <alignment horizontal="right" vertical="center" shrinkToFit="1"/>
      <protection locked="0"/>
    </xf>
    <xf numFmtId="0" fontId="11" fillId="0" borderId="6" xfId="0" applyFont="1" applyBorder="1" applyAlignment="1">
      <alignment horizontal="left" vertical="center" shrinkToFit="1"/>
    </xf>
    <xf numFmtId="0" fontId="11" fillId="0" borderId="0" xfId="0" applyFont="1" applyAlignment="1">
      <alignment horizontal="left" vertical="center" shrinkToFit="1"/>
    </xf>
    <xf numFmtId="0" fontId="11" fillId="0" borderId="7" xfId="0" applyFont="1" applyBorder="1" applyAlignment="1">
      <alignment horizontal="left" vertical="center" shrinkToFit="1"/>
    </xf>
    <xf numFmtId="0" fontId="11" fillId="0" borderId="6" xfId="0" applyFont="1" applyBorder="1" applyAlignment="1">
      <alignment horizontal="left" vertical="center" wrapText="1"/>
    </xf>
    <xf numFmtId="0" fontId="11" fillId="0" borderId="0" xfId="0" applyFont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11" fillId="0" borderId="6" xfId="0" applyFont="1" applyBorder="1" applyAlignment="1">
      <alignment horizontal="left" vertical="center"/>
    </xf>
    <xf numFmtId="0" fontId="11" fillId="0" borderId="12" xfId="0" applyFont="1" applyBorder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11" fillId="0" borderId="11" xfId="0" applyFont="1" applyBorder="1" applyAlignment="1">
      <alignment horizontal="left" vertical="center"/>
    </xf>
    <xf numFmtId="178" fontId="21" fillId="0" borderId="60" xfId="0" applyNumberFormat="1" applyFont="1" applyBorder="1" applyAlignment="1">
      <alignment horizontal="right" vertical="center"/>
    </xf>
    <xf numFmtId="178" fontId="21" fillId="0" borderId="39" xfId="0" applyNumberFormat="1" applyFont="1" applyBorder="1" applyAlignment="1">
      <alignment horizontal="right" vertical="center"/>
    </xf>
    <xf numFmtId="0" fontId="11" fillId="0" borderId="18" xfId="0" applyFont="1" applyBorder="1" applyAlignment="1">
      <alignment horizontal="left" vertical="center" wrapText="1"/>
    </xf>
    <xf numFmtId="0" fontId="11" fillId="0" borderId="8" xfId="0" applyFont="1" applyBorder="1" applyAlignment="1">
      <alignment horizontal="left" vertical="center"/>
    </xf>
    <xf numFmtId="0" fontId="11" fillId="0" borderId="17" xfId="0" applyFont="1" applyBorder="1" applyAlignment="1">
      <alignment horizontal="left" vertical="center"/>
    </xf>
    <xf numFmtId="181" fontId="21" fillId="0" borderId="0" xfId="0" applyNumberFormat="1" applyFont="1" applyAlignment="1">
      <alignment horizontal="right" vertical="justify" indent="1"/>
    </xf>
    <xf numFmtId="181" fontId="21" fillId="0" borderId="3" xfId="0" applyNumberFormat="1" applyFont="1" applyBorder="1" applyAlignment="1">
      <alignment horizontal="right" vertical="justify" indent="1"/>
    </xf>
    <xf numFmtId="178" fontId="6" fillId="0" borderId="8" xfId="0" applyNumberFormat="1" applyFont="1" applyBorder="1" applyAlignment="1">
      <alignment horizontal="right" vertical="justify" indent="1"/>
    </xf>
    <xf numFmtId="178" fontId="21" fillId="0" borderId="0" xfId="0" applyNumberFormat="1" applyFont="1" applyFill="1" applyAlignment="1">
      <alignment horizontal="right" vertical="justify" indent="1"/>
    </xf>
    <xf numFmtId="178" fontId="21" fillId="0" borderId="3" xfId="0" applyNumberFormat="1" applyFont="1" applyFill="1" applyBorder="1" applyAlignment="1">
      <alignment horizontal="right" vertical="justify" indent="1"/>
    </xf>
    <xf numFmtId="0" fontId="6" fillId="0" borderId="32" xfId="0" applyFont="1" applyBorder="1" applyAlignment="1">
      <alignment horizontal="distributed" vertical="center" justifyLastLine="1"/>
    </xf>
    <xf numFmtId="0" fontId="6" fillId="0" borderId="33" xfId="0" applyFont="1" applyBorder="1" applyAlignment="1">
      <alignment horizontal="distributed" vertical="center" justifyLastLine="1"/>
    </xf>
    <xf numFmtId="0" fontId="6" fillId="0" borderId="34" xfId="0" applyFont="1" applyBorder="1" applyAlignment="1">
      <alignment horizontal="right" vertical="center"/>
    </xf>
    <xf numFmtId="0" fontId="6" fillId="0" borderId="2" xfId="0" applyFont="1" applyBorder="1" applyAlignment="1">
      <alignment horizontal="right" vertical="center"/>
    </xf>
    <xf numFmtId="0" fontId="6" fillId="0" borderId="35" xfId="0" applyFont="1" applyBorder="1" applyAlignment="1">
      <alignment horizontal="right" vertical="center"/>
    </xf>
    <xf numFmtId="0" fontId="6" fillId="0" borderId="22" xfId="0" applyFont="1" applyBorder="1" applyAlignment="1">
      <alignment horizontal="distributed" vertical="center" indent="2"/>
    </xf>
    <xf numFmtId="0" fontId="6" fillId="0" borderId="23" xfId="0" applyFont="1" applyBorder="1" applyAlignment="1">
      <alignment horizontal="distributed" vertical="center" indent="2"/>
    </xf>
    <xf numFmtId="0" fontId="6" fillId="0" borderId="36" xfId="0" applyFont="1" applyBorder="1" applyAlignment="1">
      <alignment horizontal="distributed" vertical="center" indent="2"/>
    </xf>
    <xf numFmtId="0" fontId="5" fillId="0" borderId="37" xfId="0" applyFont="1" applyBorder="1" applyAlignment="1">
      <alignment horizontal="distributed" vertical="center" indent="1"/>
    </xf>
    <xf numFmtId="178" fontId="6" fillId="0" borderId="14" xfId="0" applyNumberFormat="1" applyFont="1" applyBorder="1" applyAlignment="1">
      <alignment horizontal="right" vertical="justify" indent="1"/>
    </xf>
    <xf numFmtId="178" fontId="6" fillId="0" borderId="1" xfId="0" applyNumberFormat="1" applyFont="1" applyBorder="1" applyAlignment="1">
      <alignment horizontal="right" vertical="justify" indent="1"/>
    </xf>
    <xf numFmtId="0" fontId="6" fillId="0" borderId="25" xfId="0" applyFont="1" applyBorder="1" applyAlignment="1">
      <alignment horizontal="distributed" vertical="center" justifyLastLine="1"/>
    </xf>
    <xf numFmtId="0" fontId="6" fillId="0" borderId="38" xfId="0" applyFont="1" applyBorder="1" applyAlignment="1">
      <alignment horizontal="distributed" vertical="center" justifyLastLine="1"/>
    </xf>
    <xf numFmtId="0" fontId="6" fillId="0" borderId="26" xfId="0" applyFont="1" applyBorder="1" applyAlignment="1">
      <alignment horizontal="distributed" vertical="center" justifyLastLine="1"/>
    </xf>
    <xf numFmtId="178" fontId="21" fillId="0" borderId="1" xfId="0" applyNumberFormat="1" applyFont="1" applyBorder="1" applyAlignment="1">
      <alignment horizontal="right" vertical="justify" indent="1"/>
    </xf>
    <xf numFmtId="178" fontId="21" fillId="0" borderId="4" xfId="0" applyNumberFormat="1" applyFont="1" applyBorder="1" applyAlignment="1">
      <alignment horizontal="right" vertical="justify" indent="1"/>
    </xf>
    <xf numFmtId="185" fontId="6" fillId="0" borderId="1" xfId="0" applyNumberFormat="1" applyFont="1" applyBorder="1" applyAlignment="1" applyProtection="1">
      <alignment horizontal="right" vertical="center"/>
      <protection locked="0"/>
    </xf>
    <xf numFmtId="0" fontId="6" fillId="0" borderId="34" xfId="0" applyFont="1" applyBorder="1" applyAlignment="1">
      <alignment horizontal="distributed" vertical="center" justifyLastLine="1"/>
    </xf>
    <xf numFmtId="0" fontId="6" fillId="0" borderId="2" xfId="0" applyFont="1" applyBorder="1" applyAlignment="1">
      <alignment horizontal="distributed" vertical="center" justifyLastLine="1"/>
    </xf>
    <xf numFmtId="0" fontId="6" fillId="0" borderId="40" xfId="0" applyFont="1" applyBorder="1" applyAlignment="1">
      <alignment horizontal="distributed" vertical="center" justifyLastLine="1"/>
    </xf>
    <xf numFmtId="187" fontId="29" fillId="0" borderId="31" xfId="0" applyNumberFormat="1" applyFont="1" applyBorder="1" applyAlignment="1">
      <alignment horizontal="center" vertical="center"/>
    </xf>
    <xf numFmtId="187" fontId="29" fillId="0" borderId="2" xfId="0" applyNumberFormat="1" applyFont="1" applyBorder="1" applyAlignment="1">
      <alignment horizontal="center" vertical="center"/>
    </xf>
    <xf numFmtId="187" fontId="29" fillId="0" borderId="42" xfId="0" applyNumberFormat="1" applyFont="1" applyBorder="1" applyAlignment="1">
      <alignment horizontal="center" vertical="center"/>
    </xf>
    <xf numFmtId="187" fontId="29" fillId="0" borderId="12" xfId="0" applyNumberFormat="1" applyFont="1" applyBorder="1" applyAlignment="1">
      <alignment horizontal="center" vertical="center"/>
    </xf>
    <xf numFmtId="187" fontId="29" fillId="0" borderId="10" xfId="0" applyNumberFormat="1" applyFont="1" applyBorder="1" applyAlignment="1">
      <alignment horizontal="center" vertical="center"/>
    </xf>
    <xf numFmtId="187" fontId="29" fillId="0" borderId="16" xfId="0" applyNumberFormat="1" applyFont="1" applyBorder="1" applyAlignment="1">
      <alignment horizontal="center" vertical="center"/>
    </xf>
    <xf numFmtId="0" fontId="26" fillId="0" borderId="0" xfId="0" applyFont="1" applyFill="1" applyAlignment="1">
      <alignment horizontal="right" vertical="center" indent="1"/>
    </xf>
    <xf numFmtId="0" fontId="26" fillId="0" borderId="3" xfId="0" applyFont="1" applyFill="1" applyBorder="1" applyAlignment="1">
      <alignment horizontal="right" vertical="center" indent="1"/>
    </xf>
    <xf numFmtId="181" fontId="21" fillId="0" borderId="0" xfId="0" applyNumberFormat="1" applyFont="1" applyFill="1" applyAlignment="1">
      <alignment horizontal="right" vertical="justify" indent="1"/>
    </xf>
    <xf numFmtId="181" fontId="21" fillId="0" borderId="3" xfId="0" applyNumberFormat="1" applyFont="1" applyFill="1" applyBorder="1" applyAlignment="1">
      <alignment horizontal="right" vertical="justify" indent="1"/>
    </xf>
    <xf numFmtId="0" fontId="6" fillId="0" borderId="19" xfId="0" applyFont="1" applyBorder="1" applyAlignment="1">
      <alignment horizontal="distributed" vertical="distributed"/>
    </xf>
    <xf numFmtId="178" fontId="6" fillId="0" borderId="0" xfId="0" applyNumberFormat="1" applyFont="1" applyAlignment="1">
      <alignment horizontal="right" vertical="justify" indent="1"/>
    </xf>
    <xf numFmtId="178" fontId="21" fillId="0" borderId="0" xfId="0" applyNumberFormat="1" applyFont="1" applyAlignment="1">
      <alignment horizontal="right" vertical="justify" indent="1"/>
    </xf>
    <xf numFmtId="178" fontId="21" fillId="0" borderId="3" xfId="0" applyNumberFormat="1" applyFont="1" applyBorder="1" applyAlignment="1">
      <alignment horizontal="right" vertical="justify" indent="1"/>
    </xf>
    <xf numFmtId="178" fontId="6" fillId="0" borderId="6" xfId="0" applyNumberFormat="1" applyFont="1" applyBorder="1" applyAlignment="1">
      <alignment horizontal="right" vertical="justify" indent="1"/>
    </xf>
    <xf numFmtId="0" fontId="6" fillId="0" borderId="0" xfId="0" applyFont="1" applyAlignment="1">
      <alignment horizontal="right" vertical="justify" indent="1"/>
    </xf>
    <xf numFmtId="0" fontId="6" fillId="0" borderId="29" xfId="0" applyFont="1" applyBorder="1" applyAlignment="1">
      <alignment horizontal="distributed" vertical="distributed" indent="1"/>
    </xf>
    <xf numFmtId="0" fontId="6" fillId="0" borderId="30" xfId="0" applyFont="1" applyBorder="1" applyAlignment="1">
      <alignment horizontal="distributed" vertical="distributed" indent="1"/>
    </xf>
    <xf numFmtId="0" fontId="6" fillId="0" borderId="31" xfId="0" applyFont="1" applyBorder="1" applyAlignment="1">
      <alignment horizontal="distributed" vertical="center" justifyLastLine="1"/>
    </xf>
    <xf numFmtId="0" fontId="6" fillId="0" borderId="12" xfId="0" applyFont="1" applyBorder="1" applyAlignment="1">
      <alignment horizontal="distributed" vertical="center" justifyLastLine="1"/>
    </xf>
    <xf numFmtId="0" fontId="6" fillId="0" borderId="10" xfId="0" applyFont="1" applyBorder="1" applyAlignment="1">
      <alignment horizontal="distributed" vertical="center" justifyLastLine="1"/>
    </xf>
    <xf numFmtId="185" fontId="6" fillId="0" borderId="28" xfId="0" applyNumberFormat="1" applyFont="1" applyBorder="1" applyAlignment="1" applyProtection="1">
      <alignment horizontal="right" vertical="center"/>
      <protection locked="0"/>
    </xf>
    <xf numFmtId="190" fontId="6" fillId="0" borderId="31" xfId="0" applyNumberFormat="1" applyFont="1" applyBorder="1" applyAlignment="1">
      <alignment horizontal="center" vertical="center"/>
    </xf>
    <xf numFmtId="190" fontId="6" fillId="0" borderId="2" xfId="0" applyNumberFormat="1" applyFont="1" applyBorder="1" applyAlignment="1">
      <alignment horizontal="center" vertical="center"/>
    </xf>
    <xf numFmtId="190" fontId="6" fillId="0" borderId="35" xfId="0" applyNumberFormat="1" applyFont="1" applyBorder="1" applyAlignment="1">
      <alignment horizontal="center" vertical="center"/>
    </xf>
    <xf numFmtId="190" fontId="6" fillId="0" borderId="12" xfId="0" applyNumberFormat="1" applyFont="1" applyBorder="1" applyAlignment="1">
      <alignment horizontal="center" vertical="center"/>
    </xf>
    <xf numFmtId="190" fontId="6" fillId="0" borderId="10" xfId="0" applyNumberFormat="1" applyFont="1" applyBorder="1" applyAlignment="1">
      <alignment horizontal="center" vertical="center"/>
    </xf>
    <xf numFmtId="190" fontId="6" fillId="0" borderId="11" xfId="0" applyNumberFormat="1" applyFont="1" applyBorder="1" applyAlignment="1">
      <alignment horizontal="center" vertical="center"/>
    </xf>
    <xf numFmtId="178" fontId="21" fillId="0" borderId="1" xfId="0" applyNumberFormat="1" applyFont="1" applyBorder="1" applyAlignment="1" applyProtection="1">
      <alignment horizontal="right" vertical="center"/>
      <protection locked="0"/>
    </xf>
    <xf numFmtId="184" fontId="21" fillId="0" borderId="1" xfId="0" applyNumberFormat="1" applyFont="1" applyBorder="1" applyAlignment="1">
      <alignment horizontal="right" vertical="center"/>
    </xf>
    <xf numFmtId="183" fontId="21" fillId="0" borderId="1" xfId="0" applyNumberFormat="1" applyFont="1" applyBorder="1" applyAlignment="1">
      <alignment horizontal="right" vertical="center"/>
    </xf>
    <xf numFmtId="178" fontId="6" fillId="0" borderId="0" xfId="0" applyNumberFormat="1" applyFont="1" applyAlignment="1" applyProtection="1">
      <alignment horizontal="right" vertical="center"/>
      <protection locked="0"/>
    </xf>
    <xf numFmtId="0" fontId="6" fillId="0" borderId="12" xfId="0" applyFont="1" applyBorder="1" applyAlignment="1">
      <alignment horizontal="right" vertical="center" shrinkToFit="1"/>
    </xf>
    <xf numFmtId="0" fontId="6" fillId="0" borderId="10" xfId="0" applyFont="1" applyBorder="1" applyAlignment="1">
      <alignment horizontal="right" vertical="center" shrinkToFit="1"/>
    </xf>
    <xf numFmtId="0" fontId="6" fillId="0" borderId="11" xfId="0" applyFont="1" applyBorder="1" applyAlignment="1">
      <alignment horizontal="right" vertical="center" shrinkToFit="1"/>
    </xf>
    <xf numFmtId="0" fontId="6" fillId="0" borderId="39" xfId="0" applyFont="1" applyBorder="1" applyAlignment="1">
      <alignment horizontal="distributed" vertical="center" justifyLastLine="1"/>
    </xf>
    <xf numFmtId="0" fontId="1" fillId="0" borderId="39" xfId="0" applyFont="1" applyBorder="1" applyAlignment="1">
      <alignment horizontal="distributed" vertical="center" justifyLastLine="1"/>
    </xf>
    <xf numFmtId="190" fontId="6" fillId="0" borderId="20" xfId="0" applyNumberFormat="1" applyFont="1" applyBorder="1" applyAlignment="1">
      <alignment horizontal="right" vertical="center" shrinkToFit="1"/>
    </xf>
    <xf numFmtId="190" fontId="6" fillId="0" borderId="8" xfId="0" applyNumberFormat="1" applyFont="1" applyBorder="1" applyAlignment="1">
      <alignment horizontal="right" vertical="center" shrinkToFit="1"/>
    </xf>
    <xf numFmtId="190" fontId="6" fillId="0" borderId="17" xfId="0" applyNumberFormat="1" applyFont="1" applyBorder="1" applyAlignment="1">
      <alignment horizontal="right" vertical="center" shrinkToFit="1"/>
    </xf>
    <xf numFmtId="183" fontId="6" fillId="0" borderId="6" xfId="0" applyNumberFormat="1" applyFont="1" applyBorder="1" applyAlignment="1">
      <alignment horizontal="right" vertical="center"/>
    </xf>
    <xf numFmtId="183" fontId="6" fillId="0" borderId="0" xfId="0" applyNumberFormat="1" applyFont="1" applyAlignment="1">
      <alignment horizontal="right" vertical="center"/>
    </xf>
    <xf numFmtId="0" fontId="6" fillId="0" borderId="25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184" fontId="6" fillId="0" borderId="0" xfId="0" applyNumberFormat="1" applyFont="1" applyAlignment="1">
      <alignment horizontal="right" vertical="center"/>
    </xf>
    <xf numFmtId="178" fontId="6" fillId="0" borderId="0" xfId="0" applyNumberFormat="1" applyFont="1" applyAlignment="1">
      <alignment horizontal="right" vertical="center"/>
    </xf>
    <xf numFmtId="178" fontId="6" fillId="0" borderId="3" xfId="0" applyNumberFormat="1" applyFont="1" applyBorder="1" applyAlignment="1">
      <alignment horizontal="right" vertical="center"/>
    </xf>
    <xf numFmtId="178" fontId="6" fillId="0" borderId="3" xfId="0" applyNumberFormat="1" applyFont="1" applyBorder="1" applyAlignment="1" applyProtection="1">
      <alignment horizontal="right" vertical="center"/>
      <protection locked="0"/>
    </xf>
    <xf numFmtId="0" fontId="6" fillId="0" borderId="25" xfId="0" applyFont="1" applyBorder="1" applyAlignment="1">
      <alignment horizontal="center" vertical="center" justifyLastLine="1"/>
    </xf>
    <xf numFmtId="0" fontId="6" fillId="0" borderId="26" xfId="0" applyFont="1" applyBorder="1" applyAlignment="1">
      <alignment horizontal="center" vertical="center" justifyLastLine="1"/>
    </xf>
    <xf numFmtId="0" fontId="6" fillId="0" borderId="26" xfId="0" applyFont="1" applyBorder="1" applyAlignment="1">
      <alignment horizontal="center" vertical="center" shrinkToFit="1"/>
    </xf>
    <xf numFmtId="186" fontId="21" fillId="0" borderId="28" xfId="0" applyNumberFormat="1" applyFont="1" applyBorder="1" applyAlignment="1">
      <alignment horizontal="right" vertical="center"/>
    </xf>
    <xf numFmtId="186" fontId="21" fillId="0" borderId="1" xfId="0" applyNumberFormat="1" applyFont="1" applyBorder="1" applyAlignment="1">
      <alignment horizontal="right" vertical="center"/>
    </xf>
    <xf numFmtId="183" fontId="21" fillId="0" borderId="14" xfId="0" applyNumberFormat="1" applyFont="1" applyBorder="1" applyAlignment="1">
      <alignment horizontal="right" vertical="center"/>
    </xf>
    <xf numFmtId="186" fontId="6" fillId="0" borderId="9" xfId="0" applyNumberFormat="1" applyFont="1" applyBorder="1" applyAlignment="1">
      <alignment horizontal="right" vertical="center"/>
    </xf>
    <xf numFmtId="186" fontId="6" fillId="0" borderId="0" xfId="0" applyNumberFormat="1" applyFont="1" applyAlignment="1">
      <alignment horizontal="right" vertical="center"/>
    </xf>
    <xf numFmtId="186" fontId="6" fillId="0" borderId="7" xfId="0" applyNumberFormat="1" applyFont="1" applyBorder="1" applyAlignment="1">
      <alignment horizontal="right" vertical="center"/>
    </xf>
    <xf numFmtId="0" fontId="6" fillId="0" borderId="21" xfId="0" applyFont="1" applyBorder="1" applyAlignment="1">
      <alignment horizontal="left" vertical="center"/>
    </xf>
    <xf numFmtId="0" fontId="6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horizontal="left" vertical="center"/>
    </xf>
    <xf numFmtId="0" fontId="1" fillId="0" borderId="10" xfId="0" applyFont="1" applyBorder="1" applyAlignment="1">
      <alignment horizontal="distributed" vertical="center" justifyLastLine="1"/>
    </xf>
    <xf numFmtId="0" fontId="6" fillId="0" borderId="11" xfId="0" applyFont="1" applyBorder="1" applyAlignment="1">
      <alignment horizontal="distributed" vertical="center" justifyLastLine="1"/>
    </xf>
    <xf numFmtId="0" fontId="6" fillId="0" borderId="22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178" fontId="21" fillId="0" borderId="4" xfId="0" applyNumberFormat="1" applyFont="1" applyBorder="1" applyAlignment="1" applyProtection="1">
      <alignment horizontal="right" vertical="center"/>
      <protection locked="0"/>
    </xf>
    <xf numFmtId="0" fontId="6" fillId="0" borderId="41" xfId="0" applyFont="1" applyBorder="1" applyAlignment="1">
      <alignment horizontal="center" vertical="center" textRotation="255" wrapText="1"/>
    </xf>
    <xf numFmtId="0" fontId="6" fillId="0" borderId="19" xfId="0" applyFont="1" applyBorder="1" applyAlignment="1">
      <alignment horizontal="center" vertical="center" textRotation="255"/>
    </xf>
    <xf numFmtId="0" fontId="6" fillId="0" borderId="41" xfId="0" applyFont="1" applyBorder="1" applyAlignment="1">
      <alignment horizontal="center" vertical="center" textRotation="255"/>
    </xf>
    <xf numFmtId="181" fontId="6" fillId="0" borderId="6" xfId="0" applyNumberFormat="1" applyFont="1" applyBorder="1" applyAlignment="1">
      <alignment horizontal="right" vertical="justify" indent="1"/>
    </xf>
    <xf numFmtId="181" fontId="6" fillId="0" borderId="0" xfId="0" applyNumberFormat="1" applyFont="1" applyAlignment="1">
      <alignment horizontal="right" vertical="justify" indent="1"/>
    </xf>
    <xf numFmtId="189" fontId="6" fillId="0" borderId="31" xfId="0" applyNumberFormat="1" applyFont="1" applyBorder="1" applyAlignment="1">
      <alignment horizontal="center" vertical="center"/>
    </xf>
    <xf numFmtId="189" fontId="6" fillId="0" borderId="2" xfId="0" applyNumberFormat="1" applyFont="1" applyBorder="1" applyAlignment="1">
      <alignment horizontal="center" vertical="center"/>
    </xf>
    <xf numFmtId="189" fontId="6" fillId="0" borderId="35" xfId="0" applyNumberFormat="1" applyFont="1" applyBorder="1" applyAlignment="1">
      <alignment horizontal="center" vertical="center"/>
    </xf>
    <xf numFmtId="189" fontId="6" fillId="0" borderId="12" xfId="0" applyNumberFormat="1" applyFont="1" applyBorder="1" applyAlignment="1">
      <alignment horizontal="center" vertical="center"/>
    </xf>
    <xf numFmtId="189" fontId="6" fillId="0" borderId="10" xfId="0" applyNumberFormat="1" applyFont="1" applyBorder="1" applyAlignment="1">
      <alignment horizontal="center" vertical="center"/>
    </xf>
    <xf numFmtId="189" fontId="6" fillId="0" borderId="11" xfId="0" applyNumberFormat="1" applyFont="1" applyBorder="1" applyAlignment="1">
      <alignment horizontal="center" vertical="center"/>
    </xf>
    <xf numFmtId="0" fontId="6" fillId="0" borderId="31" xfId="0" applyFont="1" applyBorder="1" applyAlignment="1">
      <alignment horizontal="distributed" vertical="center" wrapText="1" justifyLastLine="1"/>
    </xf>
    <xf numFmtId="0" fontId="6" fillId="0" borderId="2" xfId="0" applyFont="1" applyBorder="1" applyAlignment="1">
      <alignment horizontal="distributed" vertical="center" wrapText="1" justifyLastLine="1"/>
    </xf>
    <xf numFmtId="0" fontId="6" fillId="0" borderId="35" xfId="0" applyFont="1" applyBorder="1" applyAlignment="1">
      <alignment horizontal="distributed" vertical="center" wrapText="1" justifyLastLine="1"/>
    </xf>
    <xf numFmtId="0" fontId="6" fillId="0" borderId="12" xfId="0" applyFont="1" applyBorder="1" applyAlignment="1">
      <alignment horizontal="distributed" vertical="center" wrapText="1" justifyLastLine="1"/>
    </xf>
    <xf numFmtId="0" fontId="6" fillId="0" borderId="10" xfId="0" applyFont="1" applyBorder="1" applyAlignment="1">
      <alignment horizontal="distributed" vertical="center" wrapText="1" justifyLastLine="1"/>
    </xf>
    <xf numFmtId="0" fontId="6" fillId="0" borderId="11" xfId="0" applyFont="1" applyBorder="1" applyAlignment="1">
      <alignment horizontal="distributed" vertical="center" wrapText="1" justifyLastLine="1"/>
    </xf>
    <xf numFmtId="0" fontId="6" fillId="0" borderId="39" xfId="0" applyFont="1" applyBorder="1" applyAlignment="1">
      <alignment horizontal="right" vertical="center" shrinkToFit="1"/>
    </xf>
    <xf numFmtId="0" fontId="6" fillId="0" borderId="41" xfId="0" applyFont="1" applyBorder="1" applyAlignment="1">
      <alignment horizontal="distributed" vertical="distributed" indent="1"/>
    </xf>
    <xf numFmtId="0" fontId="6" fillId="0" borderId="19" xfId="0" applyFont="1" applyBorder="1" applyAlignment="1">
      <alignment horizontal="distributed" vertical="distributed" indent="1"/>
    </xf>
    <xf numFmtId="0" fontId="26" fillId="0" borderId="0" xfId="0" applyFont="1" applyAlignment="1">
      <alignment horizontal="right" vertical="center" indent="1"/>
    </xf>
    <xf numFmtId="0" fontId="26" fillId="0" borderId="3" xfId="0" applyFont="1" applyBorder="1" applyAlignment="1">
      <alignment horizontal="right" vertical="center" indent="1"/>
    </xf>
    <xf numFmtId="178" fontId="21" fillId="0" borderId="8" xfId="0" applyNumberFormat="1" applyFont="1" applyFill="1" applyBorder="1" applyAlignment="1">
      <alignment horizontal="right" vertical="justify" indent="1"/>
    </xf>
    <xf numFmtId="178" fontId="21" fillId="0" borderId="13" xfId="0" applyNumberFormat="1" applyFont="1" applyFill="1" applyBorder="1" applyAlignment="1">
      <alignment horizontal="right" vertical="justify" indent="1"/>
    </xf>
    <xf numFmtId="0" fontId="5" fillId="0" borderId="0" xfId="0" applyFont="1" applyAlignment="1">
      <alignment horizontal="right" vertical="center" indent="1"/>
    </xf>
    <xf numFmtId="178" fontId="6" fillId="0" borderId="18" xfId="0" applyNumberFormat="1" applyFont="1" applyBorder="1" applyAlignment="1">
      <alignment horizontal="right" vertical="justify" indent="1"/>
    </xf>
    <xf numFmtId="0" fontId="0" fillId="0" borderId="0" xfId="0" applyAlignment="1">
      <alignment horizontal="right" vertical="center" indent="1"/>
    </xf>
    <xf numFmtId="38" fontId="21" fillId="0" borderId="55" xfId="1" applyFont="1" applyFill="1" applyBorder="1" applyAlignment="1" applyProtection="1">
      <alignment horizontal="center" vertical="center"/>
    </xf>
    <xf numFmtId="38" fontId="11" fillId="0" borderId="8" xfId="1" applyFont="1" applyFill="1" applyBorder="1" applyAlignment="1" applyProtection="1">
      <alignment vertical="center" shrinkToFit="1"/>
      <protection locked="0"/>
    </xf>
    <xf numFmtId="38" fontId="11" fillId="0" borderId="0" xfId="1" applyFont="1" applyFill="1" applyBorder="1" applyAlignment="1" applyProtection="1">
      <alignment vertical="center" shrinkToFit="1"/>
      <protection locked="0"/>
    </xf>
    <xf numFmtId="0" fontId="6" fillId="0" borderId="19" xfId="0" applyFont="1" applyBorder="1" applyAlignment="1">
      <alignment horizontal="distributed" vertical="center" indent="1"/>
    </xf>
    <xf numFmtId="0" fontId="12" fillId="0" borderId="19" xfId="0" applyFont="1" applyBorder="1" applyAlignment="1">
      <alignment horizontal="center" vertical="center" textRotation="255" wrapText="1" shrinkToFit="1"/>
    </xf>
    <xf numFmtId="0" fontId="12" fillId="0" borderId="19" xfId="0" applyFont="1" applyBorder="1" applyAlignment="1">
      <alignment horizontal="center" vertical="center" textRotation="255" shrinkToFit="1"/>
    </xf>
    <xf numFmtId="190" fontId="6" fillId="0" borderId="31" xfId="4" applyNumberFormat="1" applyFont="1" applyBorder="1" applyAlignment="1">
      <alignment horizontal="center" vertical="center"/>
    </xf>
    <xf numFmtId="190" fontId="6" fillId="0" borderId="2" xfId="4" applyNumberFormat="1" applyFont="1" applyBorder="1" applyAlignment="1">
      <alignment horizontal="center" vertical="center"/>
    </xf>
    <xf numFmtId="190" fontId="6" fillId="0" borderId="35" xfId="4" applyNumberFormat="1" applyFont="1" applyBorder="1" applyAlignment="1">
      <alignment horizontal="center" vertical="center"/>
    </xf>
    <xf numFmtId="190" fontId="6" fillId="0" borderId="12" xfId="4" applyNumberFormat="1" applyFont="1" applyBorder="1" applyAlignment="1">
      <alignment horizontal="center" vertical="center"/>
    </xf>
    <xf numFmtId="190" fontId="6" fillId="0" borderId="10" xfId="4" applyNumberFormat="1" applyFont="1" applyBorder="1" applyAlignment="1">
      <alignment horizontal="center" vertical="center"/>
    </xf>
    <xf numFmtId="190" fontId="6" fillId="0" borderId="11" xfId="4" applyNumberFormat="1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28" fillId="0" borderId="6" xfId="1" applyFont="1" applyFill="1" applyBorder="1" applyAlignment="1" applyProtection="1">
      <alignment horizontal="right" vertical="center" shrinkToFit="1"/>
      <protection locked="0"/>
    </xf>
    <xf numFmtId="38" fontId="28" fillId="0" borderId="0" xfId="1" applyFont="1" applyFill="1" applyBorder="1" applyAlignment="1" applyProtection="1">
      <alignment horizontal="right" vertical="center" shrinkToFit="1"/>
      <protection locked="0"/>
    </xf>
    <xf numFmtId="38" fontId="6" fillId="0" borderId="6" xfId="1" applyFont="1" applyFill="1" applyBorder="1" applyAlignment="1" applyProtection="1">
      <alignment horizontal="right" vertical="center" shrinkToFit="1"/>
      <protection locked="0"/>
    </xf>
    <xf numFmtId="38" fontId="6" fillId="0" borderId="0" xfId="1" applyFont="1" applyFill="1" applyBorder="1" applyAlignment="1" applyProtection="1">
      <alignment horizontal="right" vertical="center" shrinkToFit="1"/>
      <protection locked="0"/>
    </xf>
    <xf numFmtId="38" fontId="6" fillId="0" borderId="18" xfId="1" applyFont="1" applyFill="1" applyBorder="1" applyAlignment="1" applyProtection="1">
      <alignment horizontal="right" vertical="center" shrinkToFit="1"/>
      <protection locked="0"/>
    </xf>
    <xf numFmtId="38" fontId="6" fillId="0" borderId="8" xfId="1" applyFont="1" applyFill="1" applyBorder="1" applyAlignment="1" applyProtection="1">
      <alignment horizontal="right" vertical="center" shrinkToFit="1"/>
      <protection locked="0"/>
    </xf>
    <xf numFmtId="0" fontId="6" fillId="0" borderId="61" xfId="0" applyFont="1" applyBorder="1" applyAlignment="1">
      <alignment horizontal="center" vertical="center" textRotation="255"/>
    </xf>
    <xf numFmtId="0" fontId="6" fillId="0" borderId="48" xfId="0" applyFont="1" applyBorder="1" applyAlignment="1">
      <alignment horizontal="center" vertical="center" textRotation="255"/>
    </xf>
    <xf numFmtId="0" fontId="6" fillId="0" borderId="59" xfId="0" applyFont="1" applyBorder="1" applyAlignment="1">
      <alignment horizontal="center" vertical="center" textRotation="255"/>
    </xf>
    <xf numFmtId="0" fontId="12" fillId="0" borderId="0" xfId="0" applyFont="1" applyAlignment="1">
      <alignment horizontal="distributed" vertical="center" indent="1"/>
    </xf>
    <xf numFmtId="0" fontId="12" fillId="0" borderId="7" xfId="0" applyFont="1" applyBorder="1" applyAlignment="1">
      <alignment horizontal="distributed" vertical="center" indent="1"/>
    </xf>
    <xf numFmtId="0" fontId="12" fillId="0" borderId="10" xfId="0" applyFont="1" applyBorder="1" applyAlignment="1">
      <alignment horizontal="distributed" vertical="center" indent="1"/>
    </xf>
    <xf numFmtId="0" fontId="12" fillId="0" borderId="11" xfId="0" applyFont="1" applyBorder="1" applyAlignment="1">
      <alignment horizontal="distributed" vertical="center" indent="1"/>
    </xf>
    <xf numFmtId="0" fontId="6" fillId="0" borderId="59" xfId="0" applyFont="1" applyBorder="1" applyAlignment="1">
      <alignment horizontal="left" vertical="center" textRotation="255"/>
    </xf>
    <xf numFmtId="0" fontId="6" fillId="0" borderId="41" xfId="0" applyFont="1" applyBorder="1" applyAlignment="1">
      <alignment horizontal="left" vertical="center" textRotation="255"/>
    </xf>
    <xf numFmtId="0" fontId="6" fillId="0" borderId="29" xfId="0" applyFont="1" applyBorder="1" applyAlignment="1">
      <alignment horizontal="left" vertical="center" textRotation="255"/>
    </xf>
    <xf numFmtId="0" fontId="12" fillId="0" borderId="21" xfId="0" applyFont="1" applyBorder="1" applyAlignment="1">
      <alignment vertical="center"/>
    </xf>
    <xf numFmtId="0" fontId="12" fillId="0" borderId="10" xfId="0" applyFont="1" applyBorder="1" applyAlignment="1">
      <alignment vertical="center"/>
    </xf>
    <xf numFmtId="0" fontId="12" fillId="0" borderId="11" xfId="0" applyFont="1" applyBorder="1" applyAlignment="1">
      <alignment vertical="center"/>
    </xf>
    <xf numFmtId="0" fontId="6" fillId="0" borderId="6" xfId="0" applyFont="1" applyBorder="1" applyAlignment="1">
      <alignment horizontal="distributed" vertical="center" justifyLastLine="1"/>
    </xf>
    <xf numFmtId="0" fontId="6" fillId="0" borderId="0" xfId="0" applyFont="1" applyAlignment="1">
      <alignment horizontal="distributed" vertical="center" justifyLastLine="1"/>
    </xf>
    <xf numFmtId="0" fontId="6" fillId="0" borderId="7" xfId="0" applyFont="1" applyBorder="1" applyAlignment="1">
      <alignment horizontal="distributed" vertical="center" justifyLastLine="1"/>
    </xf>
    <xf numFmtId="38" fontId="6" fillId="0" borderId="14" xfId="0" applyNumberFormat="1" applyFont="1" applyBorder="1" applyAlignment="1" applyProtection="1">
      <alignment horizontal="right" vertical="center" shrinkToFit="1"/>
      <protection locked="0"/>
    </xf>
    <xf numFmtId="38" fontId="6" fillId="0" borderId="1" xfId="0" applyNumberFormat="1" applyFont="1" applyBorder="1" applyAlignment="1" applyProtection="1">
      <alignment horizontal="right" vertical="center" shrinkToFit="1"/>
      <protection locked="0"/>
    </xf>
    <xf numFmtId="0" fontId="6" fillId="0" borderId="63" xfId="0" applyFont="1" applyBorder="1" applyAlignment="1">
      <alignment horizontal="center" vertical="center"/>
    </xf>
    <xf numFmtId="0" fontId="6" fillId="0" borderId="62" xfId="0" applyFont="1" applyBorder="1" applyAlignment="1">
      <alignment horizontal="center" vertical="center"/>
    </xf>
    <xf numFmtId="0" fontId="6" fillId="0" borderId="59" xfId="0" applyFont="1" applyBorder="1" applyAlignment="1">
      <alignment horizontal="center" vertical="center"/>
    </xf>
    <xf numFmtId="38" fontId="6" fillId="0" borderId="12" xfId="1" applyFont="1" applyFill="1" applyBorder="1" applyAlignment="1" applyProtection="1">
      <alignment horizontal="right" vertical="center" shrinkToFit="1"/>
      <protection locked="0"/>
    </xf>
    <xf numFmtId="38" fontId="6" fillId="0" borderId="10" xfId="1" applyFont="1" applyFill="1" applyBorder="1" applyAlignment="1" applyProtection="1">
      <alignment horizontal="right" vertical="center" shrinkToFit="1"/>
      <protection locked="0"/>
    </xf>
    <xf numFmtId="186" fontId="22" fillId="0" borderId="50" xfId="0" applyNumberFormat="1" applyFont="1" applyBorder="1" applyAlignment="1">
      <alignment horizontal="right" vertical="center"/>
    </xf>
    <xf numFmtId="186" fontId="22" fillId="0" borderId="51" xfId="0" applyNumberFormat="1" applyFont="1" applyBorder="1" applyAlignment="1">
      <alignment horizontal="right" vertical="center"/>
    </xf>
    <xf numFmtId="180" fontId="6" fillId="0" borderId="6" xfId="0" applyNumberFormat="1" applyFont="1" applyBorder="1" applyAlignment="1">
      <alignment horizontal="right" vertical="center"/>
    </xf>
    <xf numFmtId="180" fontId="6" fillId="0" borderId="0" xfId="0" applyNumberFormat="1" applyFont="1" applyAlignment="1">
      <alignment horizontal="right" vertical="center"/>
    </xf>
    <xf numFmtId="38" fontId="6" fillId="0" borderId="60" xfId="1" applyFont="1" applyFill="1" applyBorder="1" applyAlignment="1" applyProtection="1">
      <alignment horizontal="center" vertical="center"/>
      <protection locked="0"/>
    </xf>
    <xf numFmtId="178" fontId="21" fillId="0" borderId="18" xfId="0" applyNumberFormat="1" applyFont="1" applyBorder="1" applyAlignment="1">
      <alignment horizontal="right" vertical="center"/>
    </xf>
    <xf numFmtId="178" fontId="21" fillId="0" borderId="8" xfId="0" applyNumberFormat="1" applyFont="1" applyBorder="1" applyAlignment="1">
      <alignment horizontal="right" vertical="center"/>
    </xf>
    <xf numFmtId="178" fontId="21" fillId="0" borderId="17" xfId="0" applyNumberFormat="1" applyFont="1" applyBorder="1" applyAlignment="1">
      <alignment horizontal="right" vertical="center"/>
    </xf>
    <xf numFmtId="0" fontId="6" fillId="0" borderId="51" xfId="0" applyFont="1" applyBorder="1" applyAlignment="1">
      <alignment horizontal="center" vertical="center" textRotation="255"/>
    </xf>
    <xf numFmtId="38" fontId="6" fillId="0" borderId="6" xfId="0" applyNumberFormat="1" applyFont="1" applyBorder="1" applyAlignment="1" applyProtection="1">
      <alignment horizontal="right" vertical="center" shrinkToFit="1"/>
      <protection locked="0"/>
    </xf>
    <xf numFmtId="38" fontId="6" fillId="0" borderId="0" xfId="0" applyNumberFormat="1" applyFont="1" applyAlignment="1" applyProtection="1">
      <alignment horizontal="right" vertical="center" shrinkToFit="1"/>
      <protection locked="0"/>
    </xf>
    <xf numFmtId="38" fontId="6" fillId="0" borderId="18" xfId="0" applyNumberFormat="1" applyFont="1" applyBorder="1" applyAlignment="1" applyProtection="1">
      <alignment horizontal="right" vertical="center" shrinkToFit="1"/>
      <protection locked="0"/>
    </xf>
    <xf numFmtId="38" fontId="6" fillId="0" borderId="8" xfId="0" applyNumberFormat="1" applyFont="1" applyBorder="1" applyAlignment="1" applyProtection="1">
      <alignment horizontal="right" vertical="center" shrinkToFit="1"/>
      <protection locked="0"/>
    </xf>
    <xf numFmtId="0" fontId="12" fillId="0" borderId="34" xfId="0" applyFont="1" applyBorder="1" applyAlignment="1">
      <alignment horizontal="right" vertical="center"/>
    </xf>
    <xf numFmtId="0" fontId="12" fillId="0" borderId="2" xfId="0" applyFont="1" applyBorder="1" applyAlignment="1">
      <alignment horizontal="right" vertical="center"/>
    </xf>
    <xf numFmtId="0" fontId="12" fillId="0" borderId="35" xfId="0" applyFont="1" applyBorder="1" applyAlignment="1">
      <alignment horizontal="right" vertical="center"/>
    </xf>
    <xf numFmtId="0" fontId="12" fillId="0" borderId="9" xfId="0" applyFont="1" applyBorder="1" applyAlignment="1">
      <alignment vertical="center"/>
    </xf>
    <xf numFmtId="0" fontId="12" fillId="0" borderId="0" xfId="0" applyFont="1" applyAlignment="1">
      <alignment vertical="center"/>
    </xf>
    <xf numFmtId="0" fontId="12" fillId="0" borderId="7" xfId="0" applyFont="1" applyBorder="1" applyAlignment="1">
      <alignment vertical="center"/>
    </xf>
    <xf numFmtId="0" fontId="6" fillId="0" borderId="16" xfId="0" applyFont="1" applyBorder="1" applyAlignment="1">
      <alignment horizontal="center" vertical="center"/>
    </xf>
    <xf numFmtId="38" fontId="11" fillId="0" borderId="1" xfId="1" applyFont="1" applyFill="1" applyBorder="1" applyAlignment="1" applyProtection="1">
      <alignment vertical="center" shrinkToFit="1"/>
      <protection locked="0"/>
    </xf>
    <xf numFmtId="0" fontId="12" fillId="0" borderId="0" xfId="0" applyFont="1" applyAlignment="1">
      <alignment horizontal="distributed" vertical="center" wrapText="1" justifyLastLine="1"/>
    </xf>
    <xf numFmtId="0" fontId="12" fillId="0" borderId="7" xfId="0" applyFont="1" applyBorder="1" applyAlignment="1">
      <alignment horizontal="distributed" vertical="center" wrapText="1" justifyLastLine="1"/>
    </xf>
    <xf numFmtId="38" fontId="21" fillId="0" borderId="0" xfId="1" applyFont="1" applyFill="1" applyBorder="1" applyAlignment="1" applyProtection="1">
      <alignment horizontal="right" vertical="center" shrinkToFit="1"/>
      <protection locked="0"/>
    </xf>
    <xf numFmtId="176" fontId="21" fillId="0" borderId="0" xfId="0" applyNumberFormat="1" applyFont="1" applyAlignment="1">
      <alignment horizontal="right" vertical="center"/>
    </xf>
    <xf numFmtId="176" fontId="21" fillId="0" borderId="3" xfId="0" applyNumberFormat="1" applyFont="1" applyBorder="1" applyAlignment="1">
      <alignment horizontal="right" vertical="center"/>
    </xf>
    <xf numFmtId="0" fontId="6" fillId="0" borderId="16" xfId="0" applyFont="1" applyBorder="1" applyAlignment="1">
      <alignment horizontal="distributed" vertical="center" justifyLastLine="1"/>
    </xf>
    <xf numFmtId="0" fontId="6" fillId="0" borderId="62" xfId="0" applyFont="1" applyBorder="1" applyAlignment="1">
      <alignment horizontal="distributed" vertical="center" justifyLastLine="1"/>
    </xf>
    <xf numFmtId="185" fontId="6" fillId="0" borderId="44" xfId="0" applyNumberFormat="1" applyFont="1" applyBorder="1" applyAlignment="1" applyProtection="1">
      <alignment horizontal="right" vertical="center"/>
      <protection locked="0"/>
    </xf>
    <xf numFmtId="185" fontId="6" fillId="0" borderId="66" xfId="0" applyNumberFormat="1" applyFont="1" applyBorder="1" applyAlignment="1" applyProtection="1">
      <alignment horizontal="right" vertical="center"/>
      <protection locked="0"/>
    </xf>
    <xf numFmtId="185" fontId="6" fillId="0" borderId="4" xfId="0" applyNumberFormat="1" applyFont="1" applyBorder="1" applyAlignment="1" applyProtection="1">
      <alignment horizontal="right" vertical="center"/>
      <protection locked="0"/>
    </xf>
    <xf numFmtId="176" fontId="6" fillId="0" borderId="0" xfId="0" applyNumberFormat="1" applyFont="1" applyAlignment="1">
      <alignment horizontal="right" vertical="center"/>
    </xf>
    <xf numFmtId="0" fontId="23" fillId="0" borderId="19" xfId="0" applyFont="1" applyBorder="1" applyAlignment="1">
      <alignment horizontal="center" vertical="center" wrapText="1" justifyLastLine="1"/>
    </xf>
    <xf numFmtId="0" fontId="7" fillId="0" borderId="19" xfId="0" applyFont="1" applyBorder="1" applyAlignment="1">
      <alignment horizontal="distributed" vertical="center" indent="1"/>
    </xf>
    <xf numFmtId="0" fontId="12" fillId="0" borderId="19" xfId="0" applyFont="1" applyBorder="1" applyAlignment="1">
      <alignment horizontal="center" vertical="center" textRotation="255"/>
    </xf>
    <xf numFmtId="0" fontId="12" fillId="0" borderId="30" xfId="0" applyFont="1" applyBorder="1" applyAlignment="1">
      <alignment horizontal="center" vertical="center" textRotation="255"/>
    </xf>
    <xf numFmtId="38" fontId="31" fillId="0" borderId="8" xfId="1" applyFont="1" applyFill="1" applyBorder="1" applyAlignment="1" applyProtection="1">
      <alignment vertical="center" shrinkToFit="1"/>
      <protection locked="0"/>
    </xf>
    <xf numFmtId="38" fontId="31" fillId="0" borderId="0" xfId="1" applyFont="1" applyFill="1" applyBorder="1" applyAlignment="1" applyProtection="1">
      <alignment vertical="center" shrinkToFit="1"/>
      <protection locked="0"/>
    </xf>
    <xf numFmtId="0" fontId="6" fillId="0" borderId="56" xfId="0" applyFont="1" applyBorder="1" applyAlignment="1">
      <alignment horizontal="right" vertical="center"/>
    </xf>
    <xf numFmtId="0" fontId="6" fillId="0" borderId="57" xfId="0" applyFont="1" applyBorder="1" applyAlignment="1">
      <alignment horizontal="right" vertical="center"/>
    </xf>
    <xf numFmtId="0" fontId="6" fillId="0" borderId="20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186" fontId="12" fillId="0" borderId="9" xfId="0" applyNumberFormat="1" applyFont="1" applyBorder="1" applyAlignment="1">
      <alignment horizontal="right" vertical="center"/>
    </xf>
    <xf numFmtId="186" fontId="12" fillId="0" borderId="0" xfId="0" applyNumberFormat="1" applyFont="1" applyAlignment="1">
      <alignment horizontal="right" vertical="center"/>
    </xf>
    <xf numFmtId="186" fontId="12" fillId="0" borderId="7" xfId="0" applyNumberFormat="1" applyFont="1" applyBorder="1" applyAlignment="1">
      <alignment horizontal="right" vertical="center"/>
    </xf>
    <xf numFmtId="0" fontId="6" fillId="0" borderId="59" xfId="0" applyFont="1" applyBorder="1" applyAlignment="1">
      <alignment horizontal="left" vertical="center"/>
    </xf>
    <xf numFmtId="0" fontId="6" fillId="0" borderId="39" xfId="0" applyFont="1" applyBorder="1" applyAlignment="1">
      <alignment horizontal="left" vertical="center"/>
    </xf>
    <xf numFmtId="0" fontId="6" fillId="0" borderId="64" xfId="0" applyFont="1" applyBorder="1" applyAlignment="1">
      <alignment horizontal="distributed" vertical="center" justifyLastLine="1"/>
    </xf>
    <xf numFmtId="0" fontId="6" fillId="0" borderId="65" xfId="0" applyFont="1" applyBorder="1" applyAlignment="1">
      <alignment horizontal="distributed" vertical="center" justifyLastLine="1"/>
    </xf>
    <xf numFmtId="0" fontId="6" fillId="0" borderId="41" xfId="0" applyFont="1" applyBorder="1" applyAlignment="1">
      <alignment horizontal="distributed" vertical="center" justifyLastLine="1"/>
    </xf>
    <xf numFmtId="0" fontId="6" fillId="0" borderId="24" xfId="0" applyFont="1" applyBorder="1" applyAlignment="1">
      <alignment horizontal="distributed" vertical="center" indent="2"/>
    </xf>
    <xf numFmtId="178" fontId="21" fillId="0" borderId="8" xfId="0" applyNumberFormat="1" applyFont="1" applyBorder="1" applyAlignment="1">
      <alignment horizontal="right" vertical="justify" indent="1"/>
    </xf>
    <xf numFmtId="178" fontId="21" fillId="0" borderId="13" xfId="0" applyNumberFormat="1" applyFont="1" applyBorder="1" applyAlignment="1">
      <alignment horizontal="right" vertical="justify" indent="1"/>
    </xf>
    <xf numFmtId="178" fontId="21" fillId="0" borderId="1" xfId="0" applyNumberFormat="1" applyFont="1" applyFill="1" applyBorder="1" applyAlignment="1">
      <alignment horizontal="right" vertical="justify" indent="1"/>
    </xf>
    <xf numFmtId="178" fontId="21" fillId="0" borderId="4" xfId="0" applyNumberFormat="1" applyFont="1" applyFill="1" applyBorder="1" applyAlignment="1">
      <alignment horizontal="right" vertical="justify" indent="1"/>
    </xf>
    <xf numFmtId="38" fontId="6" fillId="0" borderId="6" xfId="1" applyFont="1" applyFill="1" applyBorder="1" applyAlignment="1" applyProtection="1">
      <alignment horizontal="center" vertical="center"/>
      <protection locked="0"/>
    </xf>
    <xf numFmtId="38" fontId="6" fillId="0" borderId="0" xfId="1" applyFont="1" applyFill="1" applyBorder="1" applyAlignment="1" applyProtection="1">
      <alignment horizontal="center" vertical="center"/>
      <protection locked="0"/>
    </xf>
    <xf numFmtId="38" fontId="6" fillId="0" borderId="7" xfId="1" applyFont="1" applyFill="1" applyBorder="1" applyAlignment="1" applyProtection="1">
      <alignment horizontal="center" vertical="center"/>
      <protection locked="0"/>
    </xf>
    <xf numFmtId="178" fontId="21" fillId="0" borderId="12" xfId="0" applyNumberFormat="1" applyFont="1" applyBorder="1" applyAlignment="1">
      <alignment horizontal="right" vertical="center"/>
    </xf>
    <xf numFmtId="178" fontId="21" fillId="0" borderId="10" xfId="0" applyNumberFormat="1" applyFont="1" applyBorder="1" applyAlignment="1">
      <alignment horizontal="right" vertical="center"/>
    </xf>
    <xf numFmtId="178" fontId="21" fillId="0" borderId="11" xfId="0" applyNumberFormat="1" applyFont="1" applyBorder="1" applyAlignment="1">
      <alignment horizontal="right" vertical="center"/>
    </xf>
    <xf numFmtId="176" fontId="6" fillId="0" borderId="1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distributed" vertical="center" indent="1"/>
    </xf>
    <xf numFmtId="0" fontId="12" fillId="0" borderId="15" xfId="0" applyFont="1" applyBorder="1" applyAlignment="1">
      <alignment horizontal="distributed" vertical="center" indent="1"/>
    </xf>
    <xf numFmtId="38" fontId="6" fillId="0" borderId="52" xfId="1" applyFont="1" applyFill="1" applyBorder="1" applyAlignment="1" applyProtection="1">
      <alignment horizontal="center" vertical="center"/>
    </xf>
    <xf numFmtId="38" fontId="6" fillId="0" borderId="53" xfId="1" applyFont="1" applyFill="1" applyBorder="1" applyAlignment="1" applyProtection="1">
      <alignment horizontal="center" vertical="center"/>
    </xf>
    <xf numFmtId="38" fontId="6" fillId="0" borderId="54" xfId="1" applyFont="1" applyFill="1" applyBorder="1" applyAlignment="1" applyProtection="1">
      <alignment horizontal="center" vertical="center"/>
    </xf>
    <xf numFmtId="178" fontId="6" fillId="0" borderId="7" xfId="0" applyNumberFormat="1" applyFont="1" applyBorder="1" applyAlignment="1" applyProtection="1">
      <alignment horizontal="right" vertical="center"/>
      <protection locked="0"/>
    </xf>
    <xf numFmtId="186" fontId="12" fillId="0" borderId="47" xfId="0" applyNumberFormat="1" applyFont="1" applyBorder="1" applyAlignment="1">
      <alignment horizontal="right" vertical="center"/>
    </xf>
    <xf numFmtId="186" fontId="12" fillId="0" borderId="48" xfId="0" applyNumberFormat="1" applyFont="1" applyBorder="1" applyAlignment="1">
      <alignment horizontal="right" vertical="center"/>
    </xf>
    <xf numFmtId="0" fontId="17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190" fontId="21" fillId="0" borderId="31" xfId="4" applyNumberFormat="1" applyFont="1" applyBorder="1" applyAlignment="1">
      <alignment horizontal="center" vertical="center"/>
    </xf>
    <xf numFmtId="190" fontId="21" fillId="0" borderId="2" xfId="4" applyNumberFormat="1" applyFont="1" applyBorder="1">
      <alignment vertical="center"/>
    </xf>
    <xf numFmtId="190" fontId="21" fillId="0" borderId="42" xfId="4" applyNumberFormat="1" applyFont="1" applyBorder="1">
      <alignment vertical="center"/>
    </xf>
    <xf numFmtId="190" fontId="21" fillId="0" borderId="12" xfId="4" applyNumberFormat="1" applyFont="1" applyBorder="1">
      <alignment vertical="center"/>
    </xf>
    <xf numFmtId="190" fontId="21" fillId="0" borderId="10" xfId="4" applyNumberFormat="1" applyFont="1" applyBorder="1">
      <alignment vertical="center"/>
    </xf>
    <xf numFmtId="190" fontId="21" fillId="0" borderId="16" xfId="4" applyNumberFormat="1" applyFont="1" applyBorder="1">
      <alignment vertical="center"/>
    </xf>
    <xf numFmtId="38" fontId="21" fillId="0" borderId="1" xfId="1" applyFont="1" applyFill="1" applyBorder="1" applyAlignment="1" applyProtection="1">
      <alignment horizontal="right" vertical="center" shrinkToFit="1"/>
      <protection locked="0"/>
    </xf>
    <xf numFmtId="38" fontId="31" fillId="0" borderId="1" xfId="1" applyFont="1" applyFill="1" applyBorder="1" applyAlignment="1" applyProtection="1">
      <alignment vertical="center" shrinkToFit="1"/>
      <protection locked="0"/>
    </xf>
    <xf numFmtId="38" fontId="6" fillId="0" borderId="1" xfId="1" applyFont="1" applyFill="1" applyBorder="1" applyAlignment="1" applyProtection="1">
      <alignment horizontal="right" vertical="center" shrinkToFit="1"/>
      <protection locked="0"/>
    </xf>
    <xf numFmtId="38" fontId="21" fillId="0" borderId="10" xfId="1" applyFont="1" applyFill="1" applyBorder="1" applyAlignment="1" applyProtection="1">
      <alignment horizontal="right" vertical="center" shrinkToFit="1"/>
      <protection locked="0"/>
    </xf>
    <xf numFmtId="38" fontId="21" fillId="0" borderId="8" xfId="1" applyFont="1" applyFill="1" applyBorder="1" applyAlignment="1" applyProtection="1">
      <alignment horizontal="right" vertical="center" shrinkToFit="1"/>
      <protection locked="0"/>
    </xf>
    <xf numFmtId="190" fontId="6" fillId="0" borderId="2" xfId="4" applyNumberFormat="1" applyFont="1" applyBorder="1">
      <alignment vertical="center"/>
    </xf>
    <xf numFmtId="190" fontId="6" fillId="0" borderId="10" xfId="4" applyNumberFormat="1" applyFont="1" applyBorder="1">
      <alignment vertical="center"/>
    </xf>
    <xf numFmtId="38" fontId="31" fillId="0" borderId="10" xfId="1" applyFont="1" applyFill="1" applyBorder="1" applyAlignment="1" applyProtection="1">
      <alignment vertical="center" shrinkToFit="1"/>
      <protection locked="0"/>
    </xf>
    <xf numFmtId="178" fontId="6" fillId="0" borderId="8" xfId="0" applyNumberFormat="1" applyFont="1" applyBorder="1" applyAlignment="1">
      <alignment horizontal="right" vertical="center"/>
    </xf>
    <xf numFmtId="178" fontId="6" fillId="0" borderId="17" xfId="0" applyNumberFormat="1" applyFont="1" applyBorder="1" applyAlignment="1">
      <alignment horizontal="right" vertical="center"/>
    </xf>
    <xf numFmtId="190" fontId="12" fillId="0" borderId="20" xfId="0" applyNumberFormat="1" applyFont="1" applyBorder="1" applyAlignment="1">
      <alignment horizontal="right" vertical="center"/>
    </xf>
    <xf numFmtId="190" fontId="12" fillId="0" borderId="8" xfId="0" applyNumberFormat="1" applyFont="1" applyBorder="1" applyAlignment="1">
      <alignment horizontal="right" vertical="center"/>
    </xf>
    <xf numFmtId="190" fontId="12" fillId="0" borderId="17" xfId="0" applyNumberFormat="1" applyFont="1" applyBorder="1" applyAlignment="1">
      <alignment horizontal="right" vertical="center"/>
    </xf>
    <xf numFmtId="0" fontId="6" fillId="0" borderId="70" xfId="0" applyFont="1" applyBorder="1" applyAlignment="1">
      <alignment horizontal="center" vertical="center" justifyLastLine="1"/>
    </xf>
    <xf numFmtId="0" fontId="6" fillId="0" borderId="71" xfId="0" applyFont="1" applyBorder="1" applyAlignment="1">
      <alignment horizontal="center" vertical="center" justifyLastLine="1"/>
    </xf>
    <xf numFmtId="0" fontId="6" fillId="0" borderId="72" xfId="0" applyFont="1" applyBorder="1" applyAlignment="1">
      <alignment horizontal="center" vertical="center" justifyLastLine="1"/>
    </xf>
    <xf numFmtId="180" fontId="6" fillId="0" borderId="6" xfId="0" applyNumberFormat="1" applyFont="1" applyBorder="1" applyAlignment="1" applyProtection="1">
      <alignment horizontal="right" vertical="center"/>
      <protection locked="0"/>
    </xf>
    <xf numFmtId="180" fontId="6" fillId="0" borderId="0" xfId="0" applyNumberFormat="1" applyFont="1" applyAlignment="1" applyProtection="1">
      <alignment horizontal="right" vertical="center"/>
      <protection locked="0"/>
    </xf>
    <xf numFmtId="38" fontId="6" fillId="0" borderId="0" xfId="1" applyFont="1" applyFill="1" applyBorder="1" applyAlignment="1" applyProtection="1">
      <alignment horizontal="center" vertical="center"/>
    </xf>
    <xf numFmtId="38" fontId="6" fillId="0" borderId="49" xfId="1" applyFont="1" applyFill="1" applyBorder="1" applyAlignment="1" applyProtection="1">
      <alignment horizontal="center" vertical="center"/>
    </xf>
    <xf numFmtId="180" fontId="21" fillId="0" borderId="14" xfId="0" applyNumberFormat="1" applyFont="1" applyBorder="1" applyAlignment="1" applyProtection="1">
      <alignment horizontal="right" vertical="center"/>
      <protection locked="0"/>
    </xf>
    <xf numFmtId="180" fontId="21" fillId="0" borderId="1" xfId="0" applyNumberFormat="1" applyFont="1" applyBorder="1" applyAlignment="1" applyProtection="1">
      <alignment horizontal="right" vertical="center"/>
      <protection locked="0"/>
    </xf>
    <xf numFmtId="38" fontId="6" fillId="0" borderId="58" xfId="1" applyFont="1" applyFill="1" applyBorder="1" applyAlignment="1" applyProtection="1">
      <alignment horizontal="center" vertical="center"/>
    </xf>
    <xf numFmtId="178" fontId="21" fillId="0" borderId="15" xfId="0" applyNumberFormat="1" applyFont="1" applyBorder="1" applyAlignment="1" applyProtection="1">
      <alignment horizontal="right" vertical="center"/>
      <protection locked="0"/>
    </xf>
    <xf numFmtId="178" fontId="21" fillId="0" borderId="80" xfId="0" applyNumberFormat="1" applyFont="1" applyBorder="1" applyAlignment="1">
      <alignment horizontal="right" vertical="center"/>
    </xf>
    <xf numFmtId="178" fontId="21" fillId="0" borderId="6" xfId="0" applyNumberFormat="1" applyFont="1" applyBorder="1" applyAlignment="1">
      <alignment horizontal="right" vertical="center"/>
    </xf>
    <xf numFmtId="178" fontId="21" fillId="0" borderId="0" xfId="0" applyNumberFormat="1" applyFont="1" applyAlignment="1">
      <alignment horizontal="right" vertical="center"/>
    </xf>
    <xf numFmtId="178" fontId="21" fillId="0" borderId="7" xfId="0" applyNumberFormat="1" applyFont="1" applyBorder="1" applyAlignment="1">
      <alignment horizontal="right" vertical="center"/>
    </xf>
    <xf numFmtId="0" fontId="11" fillId="0" borderId="18" xfId="0" applyFont="1" applyBorder="1" applyAlignment="1">
      <alignment horizontal="center" vertical="center" shrinkToFit="1"/>
    </xf>
    <xf numFmtId="0" fontId="11" fillId="0" borderId="8" xfId="0" applyFont="1" applyBorder="1" applyAlignment="1">
      <alignment horizontal="center" vertical="center" shrinkToFit="1"/>
    </xf>
    <xf numFmtId="0" fontId="11" fillId="0" borderId="17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6" fillId="0" borderId="35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11" fillId="0" borderId="18" xfId="0" applyFont="1" applyBorder="1" applyAlignment="1">
      <alignment horizontal="left" vertical="top"/>
    </xf>
    <xf numFmtId="0" fontId="11" fillId="0" borderId="8" xfId="0" applyFont="1" applyBorder="1" applyAlignment="1">
      <alignment horizontal="left" vertical="top"/>
    </xf>
    <xf numFmtId="0" fontId="11" fillId="0" borderId="17" xfId="0" applyFont="1" applyBorder="1" applyAlignment="1">
      <alignment horizontal="left" vertical="top"/>
    </xf>
    <xf numFmtId="0" fontId="6" fillId="0" borderId="30" xfId="0" applyFont="1" applyBorder="1" applyAlignment="1">
      <alignment horizontal="distributed" vertical="center" indent="1"/>
    </xf>
    <xf numFmtId="0" fontId="11" fillId="0" borderId="0" xfId="0" applyFont="1" applyAlignment="1">
      <alignment horizontal="left" vertical="center" wrapText="1"/>
    </xf>
    <xf numFmtId="0" fontId="11" fillId="0" borderId="7" xfId="0" applyFont="1" applyBorder="1" applyAlignment="1">
      <alignment horizontal="left" vertical="center" wrapText="1"/>
    </xf>
    <xf numFmtId="178" fontId="33" fillId="0" borderId="60" xfId="0" applyNumberFormat="1" applyFont="1" applyBorder="1" applyAlignment="1">
      <alignment horizontal="right" vertical="center"/>
    </xf>
    <xf numFmtId="0" fontId="6" fillId="0" borderId="19" xfId="0" applyFont="1" applyBorder="1" applyAlignment="1">
      <alignment horizontal="distributed" vertical="center" indent="1" shrinkToFit="1"/>
    </xf>
    <xf numFmtId="191" fontId="21" fillId="0" borderId="60" xfId="0" applyNumberFormat="1" applyFont="1" applyBorder="1" applyAlignment="1">
      <alignment horizontal="right" vertical="center"/>
    </xf>
    <xf numFmtId="180" fontId="21" fillId="0" borderId="60" xfId="0" applyNumberFormat="1" applyFont="1" applyBorder="1" applyAlignment="1">
      <alignment horizontal="right" vertical="center"/>
    </xf>
    <xf numFmtId="178" fontId="6" fillId="0" borderId="60" xfId="0" applyNumberFormat="1" applyFont="1" applyBorder="1" applyAlignment="1">
      <alignment horizontal="right" vertical="center"/>
    </xf>
    <xf numFmtId="191" fontId="21" fillId="0" borderId="39" xfId="0" applyNumberFormat="1" applyFont="1" applyBorder="1" applyAlignment="1">
      <alignment horizontal="right" vertical="center"/>
    </xf>
    <xf numFmtId="180" fontId="21" fillId="0" borderId="39" xfId="0" applyNumberFormat="1" applyFont="1" applyBorder="1" applyAlignment="1">
      <alignment horizontal="right" vertical="center"/>
    </xf>
    <xf numFmtId="38" fontId="11" fillId="0" borderId="10" xfId="1" applyFont="1" applyFill="1" applyBorder="1" applyAlignment="1" applyProtection="1">
      <alignment vertical="center" shrinkToFit="1"/>
      <protection locked="0"/>
    </xf>
    <xf numFmtId="176" fontId="21" fillId="0" borderId="1" xfId="0" applyNumberFormat="1" applyFont="1" applyBorder="1" applyAlignment="1">
      <alignment horizontal="right" vertical="center"/>
    </xf>
    <xf numFmtId="176" fontId="21" fillId="0" borderId="4" xfId="0" applyNumberFormat="1" applyFont="1" applyBorder="1" applyAlignment="1">
      <alignment horizontal="right" vertical="center"/>
    </xf>
    <xf numFmtId="0" fontId="6" fillId="0" borderId="67" xfId="0" applyFont="1" applyBorder="1" applyAlignment="1">
      <alignment horizontal="center" vertical="center"/>
    </xf>
    <xf numFmtId="0" fontId="6" fillId="0" borderId="68" xfId="0" applyFont="1" applyBorder="1" applyAlignment="1">
      <alignment horizontal="center" vertical="center"/>
    </xf>
    <xf numFmtId="0" fontId="6" fillId="0" borderId="69" xfId="0" applyFont="1" applyBorder="1" applyAlignment="1">
      <alignment horizontal="center" vertical="center"/>
    </xf>
    <xf numFmtId="0" fontId="12" fillId="0" borderId="3" xfId="0" applyFont="1" applyBorder="1" applyAlignment="1">
      <alignment horizontal="distributed" vertical="center" wrapText="1" justifyLastLine="1"/>
    </xf>
    <xf numFmtId="176" fontId="21" fillId="0" borderId="8" xfId="0" applyNumberFormat="1" applyFont="1" applyBorder="1" applyAlignment="1">
      <alignment horizontal="right" vertical="center"/>
    </xf>
    <xf numFmtId="176" fontId="21" fillId="0" borderId="13" xfId="0" applyNumberFormat="1" applyFont="1" applyBorder="1" applyAlignment="1">
      <alignment horizontal="right" vertical="center"/>
    </xf>
    <xf numFmtId="176" fontId="6" fillId="0" borderId="8" xfId="0" applyNumberFormat="1" applyFont="1" applyBorder="1" applyAlignment="1">
      <alignment horizontal="right" vertical="center"/>
    </xf>
    <xf numFmtId="38" fontId="6" fillId="0" borderId="3" xfId="1" applyFont="1" applyFill="1" applyBorder="1" applyAlignment="1" applyProtection="1">
      <alignment horizontal="center" vertical="center"/>
      <protection locked="0"/>
    </xf>
    <xf numFmtId="0" fontId="6" fillId="0" borderId="9" xfId="0" applyFont="1" applyBorder="1" applyAlignment="1">
      <alignment horizontal="center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78" xfId="0" applyFont="1" applyBorder="1" applyAlignment="1">
      <alignment horizontal="center" vertical="center" justifyLastLine="1"/>
    </xf>
    <xf numFmtId="0" fontId="12" fillId="0" borderId="76" xfId="0" applyFont="1" applyBorder="1" applyAlignment="1">
      <alignment horizontal="right" vertical="center"/>
    </xf>
    <xf numFmtId="0" fontId="12" fillId="0" borderId="77" xfId="0" applyFont="1" applyBorder="1" applyAlignment="1">
      <alignment horizontal="right" vertical="center"/>
    </xf>
    <xf numFmtId="38" fontId="29" fillId="0" borderId="55" xfId="1" applyFont="1" applyFill="1" applyBorder="1" applyAlignment="1" applyProtection="1">
      <alignment horizontal="center" vertical="center"/>
    </xf>
    <xf numFmtId="190" fontId="21" fillId="0" borderId="2" xfId="0" applyNumberFormat="1" applyFont="1" applyBorder="1" applyAlignment="1">
      <alignment horizontal="center" vertical="center"/>
    </xf>
    <xf numFmtId="190" fontId="21" fillId="0" borderId="42" xfId="0" applyNumberFormat="1" applyFont="1" applyBorder="1" applyAlignment="1">
      <alignment horizontal="center" vertical="center"/>
    </xf>
    <xf numFmtId="190" fontId="21" fillId="0" borderId="10" xfId="0" applyNumberFormat="1" applyFont="1" applyBorder="1" applyAlignment="1">
      <alignment horizontal="center" vertical="center"/>
    </xf>
    <xf numFmtId="190" fontId="21" fillId="0" borderId="16" xfId="0" applyNumberFormat="1" applyFont="1" applyBorder="1" applyAlignment="1">
      <alignment horizontal="center" vertical="center"/>
    </xf>
    <xf numFmtId="0" fontId="6" fillId="0" borderId="73" xfId="0" applyFont="1" applyBorder="1" applyAlignment="1">
      <alignment horizontal="center" vertical="center"/>
    </xf>
    <xf numFmtId="0" fontId="6" fillId="0" borderId="74" xfId="0" applyFont="1" applyBorder="1" applyAlignment="1">
      <alignment horizontal="center" vertical="center"/>
    </xf>
    <xf numFmtId="0" fontId="6" fillId="0" borderId="75" xfId="0" applyFont="1" applyBorder="1" applyAlignment="1">
      <alignment horizontal="center" vertical="center"/>
    </xf>
    <xf numFmtId="0" fontId="19" fillId="0" borderId="18" xfId="0" applyFont="1" applyBorder="1" applyAlignment="1">
      <alignment vertical="center"/>
    </xf>
    <xf numFmtId="0" fontId="19" fillId="0" borderId="8" xfId="0" applyFont="1" applyBorder="1" applyAlignment="1">
      <alignment vertical="center"/>
    </xf>
    <xf numFmtId="0" fontId="19" fillId="0" borderId="17" xfId="0" applyFont="1" applyBorder="1" applyAlignment="1">
      <alignment vertical="center"/>
    </xf>
    <xf numFmtId="178" fontId="6" fillId="0" borderId="39" xfId="0" applyNumberFormat="1" applyFont="1" applyBorder="1" applyAlignment="1">
      <alignment horizontal="right" vertical="center"/>
    </xf>
    <xf numFmtId="178" fontId="6" fillId="0" borderId="63" xfId="0" applyNumberFormat="1" applyFont="1" applyBorder="1" applyAlignment="1">
      <alignment horizontal="right" vertical="center"/>
    </xf>
    <xf numFmtId="38" fontId="29" fillId="0" borderId="14" xfId="1" applyFont="1" applyFill="1" applyBorder="1" applyAlignment="1" applyProtection="1">
      <alignment horizontal="center" vertical="center"/>
    </xf>
    <xf numFmtId="38" fontId="29" fillId="0" borderId="1" xfId="1" applyFont="1" applyFill="1" applyBorder="1" applyAlignment="1" applyProtection="1">
      <alignment horizontal="center" vertical="center"/>
    </xf>
    <xf numFmtId="38" fontId="29" fillId="0" borderId="4" xfId="1" applyFont="1" applyFill="1" applyBorder="1" applyAlignment="1" applyProtection="1">
      <alignment horizontal="center" vertical="center"/>
    </xf>
    <xf numFmtId="178" fontId="6" fillId="0" borderId="46" xfId="0" applyNumberFormat="1" applyFont="1" applyBorder="1" applyAlignment="1">
      <alignment horizontal="right" vertical="center"/>
    </xf>
    <xf numFmtId="0" fontId="6" fillId="0" borderId="31" xfId="0" applyFont="1" applyBorder="1" applyAlignment="1">
      <alignment horizontal="center" vertical="center" shrinkToFit="1"/>
    </xf>
    <xf numFmtId="0" fontId="6" fillId="0" borderId="12" xfId="0" applyFont="1" applyBorder="1" applyAlignment="1">
      <alignment horizontal="center" vertical="center" shrinkToFit="1"/>
    </xf>
    <xf numFmtId="0" fontId="6" fillId="0" borderId="10" xfId="0" applyFont="1" applyBorder="1" applyAlignment="1">
      <alignment horizontal="center" vertical="center" shrinkToFit="1"/>
    </xf>
    <xf numFmtId="0" fontId="6" fillId="0" borderId="11" xfId="0" applyFont="1" applyBorder="1" applyAlignment="1">
      <alignment horizontal="center" vertical="center" shrinkToFit="1"/>
    </xf>
    <xf numFmtId="0" fontId="6" fillId="0" borderId="22" xfId="0" applyFont="1" applyBorder="1" applyAlignment="1">
      <alignment horizontal="center" vertical="center" wrapText="1"/>
    </xf>
    <xf numFmtId="0" fontId="6" fillId="0" borderId="23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justifyLastLine="1" shrinkToFit="1"/>
    </xf>
    <xf numFmtId="0" fontId="6" fillId="0" borderId="8" xfId="0" applyFont="1" applyBorder="1" applyAlignment="1">
      <alignment horizontal="center" vertical="center" justifyLastLine="1" shrinkToFit="1"/>
    </xf>
    <xf numFmtId="0" fontId="6" fillId="0" borderId="17" xfId="0" applyFont="1" applyBorder="1" applyAlignment="1">
      <alignment horizontal="center" vertical="center" justifyLastLine="1" shrinkToFit="1"/>
    </xf>
    <xf numFmtId="0" fontId="6" fillId="0" borderId="12" xfId="0" applyFont="1" applyBorder="1" applyAlignment="1">
      <alignment horizontal="center" vertical="center" justifyLastLine="1" shrinkToFit="1"/>
    </xf>
    <xf numFmtId="0" fontId="6" fillId="0" borderId="10" xfId="0" applyFont="1" applyBorder="1" applyAlignment="1">
      <alignment horizontal="center" vertical="center" justifyLastLine="1" shrinkToFit="1"/>
    </xf>
    <xf numFmtId="0" fontId="6" fillId="0" borderId="11" xfId="0" applyFont="1" applyBorder="1" applyAlignment="1">
      <alignment horizontal="center" vertical="center" justifyLastLine="1" shrinkToFit="1"/>
    </xf>
    <xf numFmtId="0" fontId="6" fillId="0" borderId="38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distributed" vertical="top" wrapText="1" indent="1"/>
    </xf>
    <xf numFmtId="0" fontId="6" fillId="0" borderId="0" xfId="0" applyFont="1" applyAlignment="1">
      <alignment horizontal="distributed" vertical="top" wrapText="1" indent="1"/>
    </xf>
    <xf numFmtId="0" fontId="6" fillId="0" borderId="7" xfId="0" applyFont="1" applyBorder="1" applyAlignment="1">
      <alignment horizontal="distributed" vertical="top" wrapText="1" indent="1"/>
    </xf>
    <xf numFmtId="0" fontId="6" fillId="0" borderId="21" xfId="0" applyFont="1" applyBorder="1" applyAlignment="1">
      <alignment horizontal="distributed" vertical="top" wrapText="1" indent="1"/>
    </xf>
    <xf numFmtId="0" fontId="6" fillId="0" borderId="10" xfId="0" applyFont="1" applyBorder="1" applyAlignment="1">
      <alignment horizontal="distributed" vertical="top" wrapText="1" indent="1"/>
    </xf>
    <xf numFmtId="0" fontId="6" fillId="0" borderId="11" xfId="0" applyFont="1" applyBorder="1" applyAlignment="1">
      <alignment horizontal="distributed" vertical="top" wrapText="1" indent="1"/>
    </xf>
    <xf numFmtId="0" fontId="6" fillId="0" borderId="20" xfId="0" applyFont="1" applyBorder="1" applyAlignment="1">
      <alignment horizontal="distributed" vertical="center" wrapText="1" indent="1"/>
    </xf>
    <xf numFmtId="0" fontId="6" fillId="0" borderId="8" xfId="0" applyFont="1" applyBorder="1" applyAlignment="1">
      <alignment horizontal="distributed" vertical="center" wrapText="1" indent="1"/>
    </xf>
    <xf numFmtId="0" fontId="6" fillId="0" borderId="17" xfId="0" applyFont="1" applyBorder="1" applyAlignment="1">
      <alignment horizontal="distributed" vertical="center" wrapText="1" indent="1"/>
    </xf>
    <xf numFmtId="0" fontId="6" fillId="0" borderId="9" xfId="0" applyFont="1" applyBorder="1" applyAlignment="1">
      <alignment horizontal="distributed" vertical="center" wrapText="1" indent="1"/>
    </xf>
    <xf numFmtId="0" fontId="6" fillId="0" borderId="0" xfId="0" applyFont="1" applyAlignment="1">
      <alignment horizontal="distributed" vertical="center" wrapText="1" indent="1"/>
    </xf>
    <xf numFmtId="0" fontId="6" fillId="0" borderId="7" xfId="0" applyFont="1" applyBorder="1" applyAlignment="1">
      <alignment horizontal="distributed" vertical="center" wrapText="1" indent="1"/>
    </xf>
    <xf numFmtId="0" fontId="6" fillId="0" borderId="21" xfId="0" applyFont="1" applyBorder="1" applyAlignment="1">
      <alignment horizontal="distributed" vertical="center" wrapText="1" indent="1"/>
    </xf>
    <xf numFmtId="0" fontId="6" fillId="0" borderId="10" xfId="0" applyFont="1" applyBorder="1" applyAlignment="1">
      <alignment horizontal="distributed" vertical="center" wrapText="1" indent="1"/>
    </xf>
    <xf numFmtId="0" fontId="6" fillId="0" borderId="11" xfId="0" applyFont="1" applyBorder="1" applyAlignment="1">
      <alignment horizontal="distributed" vertical="center" wrapText="1" indent="1"/>
    </xf>
    <xf numFmtId="0" fontId="11" fillId="0" borderId="18" xfId="0" applyFont="1" applyBorder="1" applyAlignment="1">
      <alignment horizontal="left" vertical="center"/>
    </xf>
    <xf numFmtId="0" fontId="6" fillId="0" borderId="9" xfId="0" applyFont="1" applyBorder="1" applyAlignment="1">
      <alignment horizontal="distributed" vertical="top" indent="1"/>
    </xf>
    <xf numFmtId="0" fontId="6" fillId="0" borderId="0" xfId="0" applyFont="1" applyAlignment="1">
      <alignment horizontal="distributed" vertical="top" indent="1"/>
    </xf>
    <xf numFmtId="0" fontId="6" fillId="0" borderId="7" xfId="0" applyFont="1" applyBorder="1" applyAlignment="1">
      <alignment horizontal="distributed" vertical="top" indent="1"/>
    </xf>
    <xf numFmtId="0" fontId="6" fillId="0" borderId="21" xfId="0" applyFont="1" applyBorder="1" applyAlignment="1">
      <alignment horizontal="distributed" vertical="top" indent="1"/>
    </xf>
    <xf numFmtId="0" fontId="6" fillId="0" borderId="10" xfId="0" applyFont="1" applyBorder="1" applyAlignment="1">
      <alignment horizontal="distributed" vertical="top" indent="1"/>
    </xf>
    <xf numFmtId="0" fontId="6" fillId="0" borderId="11" xfId="0" applyFont="1" applyBorder="1" applyAlignment="1">
      <alignment horizontal="distributed" vertical="top" indent="1"/>
    </xf>
    <xf numFmtId="0" fontId="6" fillId="0" borderId="20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0" fontId="6" fillId="0" borderId="17" xfId="0" applyFont="1" applyBorder="1" applyAlignment="1">
      <alignment horizontal="distributed" vertical="center" indent="1"/>
    </xf>
    <xf numFmtId="0" fontId="6" fillId="0" borderId="9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7" xfId="0" applyFont="1" applyBorder="1" applyAlignment="1">
      <alignment horizontal="distributed" vertical="center" indent="1"/>
    </xf>
    <xf numFmtId="0" fontId="6" fillId="0" borderId="21" xfId="0" applyFont="1" applyBorder="1" applyAlignment="1">
      <alignment horizontal="distributed" vertical="center" indent="1"/>
    </xf>
    <xf numFmtId="0" fontId="6" fillId="0" borderId="10" xfId="0" applyFont="1" applyBorder="1" applyAlignment="1">
      <alignment horizontal="distributed" vertical="center" indent="1"/>
    </xf>
    <xf numFmtId="0" fontId="6" fillId="0" borderId="11" xfId="0" applyFont="1" applyBorder="1" applyAlignment="1">
      <alignment horizontal="distributed" vertical="center" indent="1"/>
    </xf>
    <xf numFmtId="179" fontId="6" fillId="0" borderId="20" xfId="0" applyNumberFormat="1" applyFont="1" applyBorder="1" applyAlignment="1">
      <alignment horizontal="distributed" vertical="center" wrapText="1" indent="1"/>
    </xf>
    <xf numFmtId="179" fontId="6" fillId="0" borderId="8" xfId="0" applyNumberFormat="1" applyFont="1" applyBorder="1" applyAlignment="1">
      <alignment horizontal="distributed" vertical="center" wrapText="1" indent="1"/>
    </xf>
    <xf numFmtId="179" fontId="6" fillId="0" borderId="17" xfId="0" applyNumberFormat="1" applyFont="1" applyBorder="1" applyAlignment="1">
      <alignment horizontal="distributed" vertical="center" wrapText="1" indent="1"/>
    </xf>
    <xf numFmtId="179" fontId="6" fillId="0" borderId="9" xfId="0" applyNumberFormat="1" applyFont="1" applyBorder="1" applyAlignment="1">
      <alignment horizontal="distributed" vertical="center" wrapText="1" indent="1"/>
    </xf>
    <xf numFmtId="179" fontId="6" fillId="0" borderId="0" xfId="0" applyNumberFormat="1" applyFont="1" applyAlignment="1">
      <alignment horizontal="distributed" vertical="center" wrapText="1" indent="1"/>
    </xf>
    <xf numFmtId="179" fontId="6" fillId="0" borderId="7" xfId="0" applyNumberFormat="1" applyFont="1" applyBorder="1" applyAlignment="1">
      <alignment horizontal="distributed" vertical="center" wrapText="1" indent="1"/>
    </xf>
    <xf numFmtId="179" fontId="6" fillId="0" borderId="28" xfId="0" applyNumberFormat="1" applyFont="1" applyBorder="1" applyAlignment="1">
      <alignment horizontal="distributed" vertical="center" wrapText="1" indent="1"/>
    </xf>
    <xf numFmtId="179" fontId="6" fillId="0" borderId="1" xfId="0" applyNumberFormat="1" applyFont="1" applyBorder="1" applyAlignment="1">
      <alignment horizontal="distributed" vertical="center" wrapText="1" indent="1"/>
    </xf>
    <xf numFmtId="179" fontId="6" fillId="0" borderId="15" xfId="0" applyNumberFormat="1" applyFont="1" applyBorder="1" applyAlignment="1">
      <alignment horizontal="distributed" vertical="center" wrapText="1" indent="1"/>
    </xf>
    <xf numFmtId="178" fontId="21" fillId="0" borderId="55" xfId="0" applyNumberFormat="1" applyFont="1" applyBorder="1" applyAlignment="1">
      <alignment horizontal="right" vertical="center"/>
    </xf>
    <xf numFmtId="0" fontId="6" fillId="0" borderId="36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177" fontId="11" fillId="0" borderId="31" xfId="0" applyNumberFormat="1" applyFont="1" applyBorder="1" applyAlignment="1">
      <alignment horizontal="center" vertical="center" wrapText="1"/>
    </xf>
    <xf numFmtId="177" fontId="11" fillId="0" borderId="2" xfId="0" applyNumberFormat="1" applyFont="1" applyBorder="1" applyAlignment="1">
      <alignment horizontal="center" vertical="center" wrapText="1"/>
    </xf>
    <xf numFmtId="177" fontId="11" fillId="0" borderId="35" xfId="0" applyNumberFormat="1" applyFont="1" applyBorder="1" applyAlignment="1">
      <alignment horizontal="center" vertical="center" wrapText="1"/>
    </xf>
    <xf numFmtId="177" fontId="11" fillId="0" borderId="6" xfId="0" applyNumberFormat="1" applyFont="1" applyBorder="1" applyAlignment="1">
      <alignment horizontal="center" vertical="center" wrapText="1"/>
    </xf>
    <xf numFmtId="177" fontId="11" fillId="0" borderId="0" xfId="0" applyNumberFormat="1" applyFont="1" applyAlignment="1">
      <alignment horizontal="center" vertical="center" wrapText="1"/>
    </xf>
    <xf numFmtId="177" fontId="11" fillId="0" borderId="7" xfId="0" applyNumberFormat="1" applyFont="1" applyBorder="1" applyAlignment="1">
      <alignment horizontal="center" vertical="center" wrapText="1"/>
    </xf>
    <xf numFmtId="177" fontId="11" fillId="0" borderId="12" xfId="0" applyNumberFormat="1" applyFont="1" applyBorder="1" applyAlignment="1">
      <alignment horizontal="center" vertical="center" wrapText="1"/>
    </xf>
    <xf numFmtId="177" fontId="11" fillId="0" borderId="10" xfId="0" applyNumberFormat="1" applyFont="1" applyBorder="1" applyAlignment="1">
      <alignment horizontal="center" vertical="center" wrapText="1"/>
    </xf>
    <xf numFmtId="177" fontId="11" fillId="0" borderId="11" xfId="0" applyNumberFormat="1" applyFont="1" applyBorder="1" applyAlignment="1">
      <alignment horizontal="center" vertical="center" wrapText="1"/>
    </xf>
    <xf numFmtId="177" fontId="6" fillId="0" borderId="37" xfId="0" applyNumberFormat="1" applyFont="1" applyBorder="1" applyAlignment="1">
      <alignment horizontal="center" vertical="center"/>
    </xf>
    <xf numFmtId="177" fontId="6" fillId="0" borderId="32" xfId="0" applyNumberFormat="1" applyFont="1" applyBorder="1" applyAlignment="1">
      <alignment horizontal="center" vertical="center"/>
    </xf>
    <xf numFmtId="0" fontId="6" fillId="0" borderId="80" xfId="0" applyFont="1" applyBorder="1" applyAlignment="1">
      <alignment horizontal="center" vertical="center" justifyLastLine="1" shrinkToFit="1"/>
    </xf>
    <xf numFmtId="0" fontId="6" fillId="0" borderId="39" xfId="0" applyFont="1" applyBorder="1" applyAlignment="1">
      <alignment horizontal="center" vertical="center" justifyLastLine="1" shrinkToFit="1"/>
    </xf>
    <xf numFmtId="0" fontId="6" fillId="0" borderId="80" xfId="0" applyFont="1" applyBorder="1" applyAlignment="1">
      <alignment horizontal="center" vertical="center" justifyLastLine="1"/>
    </xf>
    <xf numFmtId="0" fontId="6" fillId="0" borderId="39" xfId="0" applyFont="1" applyBorder="1" applyAlignment="1">
      <alignment horizontal="center" vertical="center" justifyLastLine="1"/>
    </xf>
    <xf numFmtId="177" fontId="32" fillId="0" borderId="19" xfId="0" applyNumberFormat="1" applyFont="1" applyBorder="1" applyAlignment="1">
      <alignment horizontal="center" vertical="center" wrapText="1"/>
    </xf>
    <xf numFmtId="177" fontId="32" fillId="0" borderId="64" xfId="0" applyNumberFormat="1" applyFont="1" applyBorder="1" applyAlignment="1">
      <alignment horizontal="center" vertical="center" wrapText="1"/>
    </xf>
    <xf numFmtId="191" fontId="21" fillId="0" borderId="80" xfId="0" applyNumberFormat="1" applyFont="1" applyBorder="1" applyAlignment="1">
      <alignment horizontal="right" vertical="center"/>
    </xf>
    <xf numFmtId="180" fontId="21" fillId="0" borderId="80" xfId="0" applyNumberFormat="1" applyFont="1" applyBorder="1" applyAlignment="1">
      <alignment horizontal="right" vertical="center"/>
    </xf>
    <xf numFmtId="178" fontId="6" fillId="0" borderId="80" xfId="0" applyNumberFormat="1" applyFont="1" applyBorder="1" applyAlignment="1">
      <alignment horizontal="right" vertical="center"/>
    </xf>
    <xf numFmtId="178" fontId="6" fillId="0" borderId="81" xfId="0" applyNumberFormat="1" applyFont="1" applyBorder="1" applyAlignment="1">
      <alignment horizontal="right" vertical="center"/>
    </xf>
    <xf numFmtId="191" fontId="33" fillId="0" borderId="60" xfId="0" applyNumberFormat="1" applyFont="1" applyBorder="1" applyAlignment="1">
      <alignment horizontal="right" vertical="center"/>
    </xf>
    <xf numFmtId="180" fontId="33" fillId="0" borderId="60" xfId="0" applyNumberFormat="1" applyFont="1" applyBorder="1" applyAlignment="1">
      <alignment horizontal="right" vertical="center"/>
    </xf>
    <xf numFmtId="42" fontId="6" fillId="0" borderId="60" xfId="0" applyNumberFormat="1" applyFont="1" applyBorder="1" applyAlignment="1">
      <alignment horizontal="right" vertical="center"/>
    </xf>
    <xf numFmtId="42" fontId="6" fillId="0" borderId="46" xfId="0" applyNumberFormat="1" applyFont="1" applyBorder="1" applyAlignment="1">
      <alignment horizontal="right" vertical="center"/>
    </xf>
    <xf numFmtId="178" fontId="6" fillId="0" borderId="55" xfId="0" applyNumberFormat="1" applyFont="1" applyBorder="1" applyAlignment="1">
      <alignment horizontal="right" vertical="center"/>
    </xf>
    <xf numFmtId="178" fontId="6" fillId="0" borderId="82" xfId="0" applyNumberFormat="1" applyFont="1" applyBorder="1" applyAlignment="1">
      <alignment horizontal="right" vertical="center"/>
    </xf>
    <xf numFmtId="177" fontId="6" fillId="0" borderId="79" xfId="0" applyNumberFormat="1" applyFont="1" applyBorder="1" applyAlignment="1">
      <alignment horizontal="distributed" vertical="center" indent="1"/>
    </xf>
    <xf numFmtId="177" fontId="6" fillId="0" borderId="37" xfId="0" applyNumberFormat="1" applyFont="1" applyBorder="1" applyAlignment="1">
      <alignment horizontal="distributed" vertical="center" indent="1"/>
    </xf>
    <xf numFmtId="177" fontId="6" fillId="0" borderId="41" xfId="0" applyNumberFormat="1" applyFont="1" applyBorder="1" applyAlignment="1">
      <alignment horizontal="distributed" vertical="center" indent="1"/>
    </xf>
    <xf numFmtId="177" fontId="6" fillId="0" borderId="19" xfId="0" applyNumberFormat="1" applyFont="1" applyBorder="1" applyAlignment="1">
      <alignment horizontal="distributed" vertical="center" indent="1"/>
    </xf>
    <xf numFmtId="179" fontId="6" fillId="0" borderId="22" xfId="0" applyNumberFormat="1" applyFont="1" applyBorder="1" applyAlignment="1">
      <alignment vertical="center" shrinkToFit="1"/>
    </xf>
    <xf numFmtId="179" fontId="6" fillId="0" borderId="23" xfId="0" applyNumberFormat="1" applyFont="1" applyBorder="1" applyAlignment="1">
      <alignment vertical="center" shrinkToFit="1"/>
    </xf>
    <xf numFmtId="179" fontId="6" fillId="0" borderId="24" xfId="0" applyNumberFormat="1" applyFont="1" applyBorder="1" applyAlignment="1">
      <alignment vertical="center" shrinkToFit="1"/>
    </xf>
    <xf numFmtId="179" fontId="6" fillId="0" borderId="25" xfId="0" applyNumberFormat="1" applyFont="1" applyBorder="1" applyAlignment="1">
      <alignment vertical="center" shrinkToFit="1"/>
    </xf>
    <xf numFmtId="179" fontId="6" fillId="0" borderId="38" xfId="0" applyNumberFormat="1" applyFont="1" applyBorder="1" applyAlignment="1">
      <alignment vertical="center" shrinkToFit="1"/>
    </xf>
    <xf numFmtId="179" fontId="6" fillId="0" borderId="27" xfId="0" applyNumberFormat="1" applyFont="1" applyBorder="1" applyAlignment="1">
      <alignment vertical="center" shrinkToFit="1"/>
    </xf>
    <xf numFmtId="177" fontId="6" fillId="0" borderId="19" xfId="0" applyNumberFormat="1" applyFont="1" applyBorder="1" applyAlignment="1">
      <alignment horizontal="distributed" vertical="center" indent="1" shrinkToFit="1"/>
    </xf>
    <xf numFmtId="0" fontId="6" fillId="0" borderId="25" xfId="0" applyFont="1" applyBorder="1" applyAlignment="1">
      <alignment vertical="center" shrinkToFit="1"/>
    </xf>
    <xf numFmtId="0" fontId="6" fillId="0" borderId="38" xfId="0" applyFont="1" applyBorder="1" applyAlignment="1">
      <alignment vertical="center" shrinkToFit="1"/>
    </xf>
    <xf numFmtId="0" fontId="6" fillId="0" borderId="27" xfId="0" applyFont="1" applyBorder="1" applyAlignment="1">
      <alignment vertical="center" shrinkToFit="1"/>
    </xf>
    <xf numFmtId="177" fontId="6" fillId="0" borderId="29" xfId="0" applyNumberFormat="1" applyFont="1" applyBorder="1" applyAlignment="1">
      <alignment horizontal="distributed" vertical="center" indent="1"/>
    </xf>
    <xf numFmtId="177" fontId="6" fillId="0" borderId="30" xfId="0" applyNumberFormat="1" applyFont="1" applyBorder="1" applyAlignment="1">
      <alignment horizontal="distributed" vertical="center" indent="1"/>
    </xf>
    <xf numFmtId="0" fontId="6" fillId="0" borderId="43" xfId="0" applyFont="1" applyBorder="1" applyAlignment="1">
      <alignment vertical="center" shrinkToFit="1"/>
    </xf>
    <xf numFmtId="0" fontId="6" fillId="0" borderId="44" xfId="0" applyFont="1" applyBorder="1" applyAlignment="1">
      <alignment vertical="center" shrinkToFit="1"/>
    </xf>
    <xf numFmtId="0" fontId="6" fillId="0" borderId="45" xfId="0" applyFont="1" applyBorder="1" applyAlignment="1">
      <alignment vertical="center" shrinkToFit="1"/>
    </xf>
    <xf numFmtId="191" fontId="21" fillId="0" borderId="55" xfId="0" applyNumberFormat="1" applyFont="1" applyBorder="1" applyAlignment="1">
      <alignment horizontal="right" vertical="center"/>
    </xf>
    <xf numFmtId="180" fontId="21" fillId="0" borderId="55" xfId="0" applyNumberFormat="1" applyFont="1" applyBorder="1" applyAlignment="1">
      <alignment horizontal="right" vertical="center"/>
    </xf>
    <xf numFmtId="0" fontId="6" fillId="0" borderId="25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0" fontId="6" fillId="0" borderId="27" xfId="0" applyFont="1" applyBorder="1" applyAlignment="1">
      <alignment vertical="center"/>
    </xf>
  </cellXfs>
  <cellStyles count="5">
    <cellStyle name="桁区切り" xfId="1" builtinId="6"/>
    <cellStyle name="標準" xfId="0" builtinId="0"/>
    <cellStyle name="標準 2 2" xfId="2"/>
    <cellStyle name="標準 3" xfId="3"/>
    <cellStyle name="標準_出先・外部への依頼資料２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0</xdr:row>
      <xdr:rowOff>9525</xdr:rowOff>
    </xdr:from>
    <xdr:to>
      <xdr:col>3</xdr:col>
      <xdr:colOff>0</xdr:colOff>
      <xdr:row>31</xdr:row>
      <xdr:rowOff>161925</xdr:rowOff>
    </xdr:to>
    <xdr:sp macro="" textlink="">
      <xdr:nvSpPr>
        <xdr:cNvPr id="6378" name="Line 2">
          <a:extLst>
            <a:ext uri="{FF2B5EF4-FFF2-40B4-BE49-F238E27FC236}">
              <a16:creationId xmlns:a16="http://schemas.microsoft.com/office/drawing/2014/main" xmlns="" id="{00000000-0008-0000-0000-0000EA180000}"/>
            </a:ext>
          </a:extLst>
        </xdr:cNvPr>
        <xdr:cNvSpPr>
          <a:spLocks noChangeShapeType="1"/>
        </xdr:cNvSpPr>
      </xdr:nvSpPr>
      <xdr:spPr bwMode="auto">
        <a:xfrm flipH="1" flipV="1">
          <a:off x="0" y="5791200"/>
          <a:ext cx="6000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9</xdr:row>
      <xdr:rowOff>0</xdr:rowOff>
    </xdr:from>
    <xdr:to>
      <xdr:col>9</xdr:col>
      <xdr:colOff>0</xdr:colOff>
      <xdr:row>41</xdr:row>
      <xdr:rowOff>0</xdr:rowOff>
    </xdr:to>
    <xdr:sp macro="" textlink="">
      <xdr:nvSpPr>
        <xdr:cNvPr id="6379" name="Line 5">
          <a:extLst>
            <a:ext uri="{FF2B5EF4-FFF2-40B4-BE49-F238E27FC236}">
              <a16:creationId xmlns:a16="http://schemas.microsoft.com/office/drawing/2014/main" xmlns="" id="{00000000-0008-0000-0000-0000EB180000}"/>
            </a:ext>
          </a:extLst>
        </xdr:cNvPr>
        <xdr:cNvSpPr>
          <a:spLocks noChangeShapeType="1"/>
        </xdr:cNvSpPr>
      </xdr:nvSpPr>
      <xdr:spPr bwMode="auto">
        <a:xfrm flipH="1" flipV="1">
          <a:off x="0" y="7477125"/>
          <a:ext cx="18192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</xdr:row>
      <xdr:rowOff>9525</xdr:rowOff>
    </xdr:from>
    <xdr:to>
      <xdr:col>6</xdr:col>
      <xdr:colOff>0</xdr:colOff>
      <xdr:row>5</xdr:row>
      <xdr:rowOff>0</xdr:rowOff>
    </xdr:to>
    <xdr:sp macro="" textlink="">
      <xdr:nvSpPr>
        <xdr:cNvPr id="6380" name="Line 6">
          <a:extLst>
            <a:ext uri="{FF2B5EF4-FFF2-40B4-BE49-F238E27FC236}">
              <a16:creationId xmlns:a16="http://schemas.microsoft.com/office/drawing/2014/main" xmlns="" id="{00000000-0008-0000-0000-0000EC180000}"/>
            </a:ext>
          </a:extLst>
        </xdr:cNvPr>
        <xdr:cNvSpPr>
          <a:spLocks noChangeShapeType="1"/>
        </xdr:cNvSpPr>
      </xdr:nvSpPr>
      <xdr:spPr bwMode="auto">
        <a:xfrm flipH="1" flipV="1">
          <a:off x="0" y="704850"/>
          <a:ext cx="1219200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1</xdr:row>
      <xdr:rowOff>0</xdr:rowOff>
    </xdr:from>
    <xdr:to>
      <xdr:col>3</xdr:col>
      <xdr:colOff>0</xdr:colOff>
      <xdr:row>24</xdr:row>
      <xdr:rowOff>0</xdr:rowOff>
    </xdr:to>
    <xdr:sp macro="" textlink="">
      <xdr:nvSpPr>
        <xdr:cNvPr id="6382" name="Line 34">
          <a:extLst>
            <a:ext uri="{FF2B5EF4-FFF2-40B4-BE49-F238E27FC236}">
              <a16:creationId xmlns:a16="http://schemas.microsoft.com/office/drawing/2014/main" xmlns="" id="{00000000-0008-0000-0000-0000EE180000}"/>
            </a:ext>
          </a:extLst>
        </xdr:cNvPr>
        <xdr:cNvSpPr>
          <a:spLocks noChangeShapeType="1"/>
        </xdr:cNvSpPr>
      </xdr:nvSpPr>
      <xdr:spPr bwMode="auto">
        <a:xfrm>
          <a:off x="0" y="4076700"/>
          <a:ext cx="600075" cy="5715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95</xdr:row>
      <xdr:rowOff>19050</xdr:rowOff>
    </xdr:from>
    <xdr:to>
      <xdr:col>9</xdr:col>
      <xdr:colOff>9525</xdr:colOff>
      <xdr:row>197</xdr:row>
      <xdr:rowOff>9525</xdr:rowOff>
    </xdr:to>
    <xdr:sp macro="" textlink="">
      <xdr:nvSpPr>
        <xdr:cNvPr id="6383" name="Line 1">
          <a:extLst>
            <a:ext uri="{FF2B5EF4-FFF2-40B4-BE49-F238E27FC236}">
              <a16:creationId xmlns:a16="http://schemas.microsoft.com/office/drawing/2014/main" xmlns="" id="{00000000-0008-0000-0000-0000EF180000}"/>
            </a:ext>
          </a:extLst>
        </xdr:cNvPr>
        <xdr:cNvSpPr>
          <a:spLocks noChangeShapeType="1"/>
        </xdr:cNvSpPr>
      </xdr:nvSpPr>
      <xdr:spPr bwMode="auto">
        <a:xfrm flipH="1" flipV="1">
          <a:off x="0" y="34613850"/>
          <a:ext cx="182880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9050</xdr:colOff>
      <xdr:row>211</xdr:row>
      <xdr:rowOff>9525</xdr:rowOff>
    </xdr:from>
    <xdr:to>
      <xdr:col>9</xdr:col>
      <xdr:colOff>9525</xdr:colOff>
      <xdr:row>213</xdr:row>
      <xdr:rowOff>9525</xdr:rowOff>
    </xdr:to>
    <xdr:sp macro="" textlink="">
      <xdr:nvSpPr>
        <xdr:cNvPr id="6384" name="Line 1">
          <a:extLst>
            <a:ext uri="{FF2B5EF4-FFF2-40B4-BE49-F238E27FC236}">
              <a16:creationId xmlns:a16="http://schemas.microsoft.com/office/drawing/2014/main" xmlns="" id="{00000000-0008-0000-0000-0000F0180000}"/>
            </a:ext>
          </a:extLst>
        </xdr:cNvPr>
        <xdr:cNvSpPr>
          <a:spLocks noChangeShapeType="1"/>
        </xdr:cNvSpPr>
      </xdr:nvSpPr>
      <xdr:spPr bwMode="auto">
        <a:xfrm flipH="1" flipV="1">
          <a:off x="19050" y="37747575"/>
          <a:ext cx="18097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36</xdr:row>
      <xdr:rowOff>9525</xdr:rowOff>
    </xdr:from>
    <xdr:to>
      <xdr:col>2</xdr:col>
      <xdr:colOff>190500</xdr:colOff>
      <xdr:row>238</xdr:row>
      <xdr:rowOff>0</xdr:rowOff>
    </xdr:to>
    <xdr:sp macro="" textlink="">
      <xdr:nvSpPr>
        <xdr:cNvPr id="6385" name="Line 1">
          <a:extLst>
            <a:ext uri="{FF2B5EF4-FFF2-40B4-BE49-F238E27FC236}">
              <a16:creationId xmlns:a16="http://schemas.microsoft.com/office/drawing/2014/main" xmlns="" id="{00000000-0008-0000-0000-0000F1180000}"/>
            </a:ext>
          </a:extLst>
        </xdr:cNvPr>
        <xdr:cNvSpPr>
          <a:spLocks noChangeShapeType="1"/>
        </xdr:cNvSpPr>
      </xdr:nvSpPr>
      <xdr:spPr bwMode="auto">
        <a:xfrm flipH="1" flipV="1">
          <a:off x="0" y="42624375"/>
          <a:ext cx="59055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59</xdr:row>
      <xdr:rowOff>9525</xdr:rowOff>
    </xdr:from>
    <xdr:to>
      <xdr:col>7</xdr:col>
      <xdr:colOff>9525</xdr:colOff>
      <xdr:row>61</xdr:row>
      <xdr:rowOff>171450</xdr:rowOff>
    </xdr:to>
    <xdr:sp macro="" textlink="">
      <xdr:nvSpPr>
        <xdr:cNvPr id="10" name="Line 23">
          <a:extLst>
            <a:ext uri="{FF2B5EF4-FFF2-40B4-BE49-F238E27FC236}">
              <a16:creationId xmlns:a16="http://schemas.microsoft.com/office/drawing/2014/main" xmlns="" id="{00000000-0008-0000-0000-00000A00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457200"/>
          <a:ext cx="1419225" cy="5048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43"/>
  </sheetPr>
  <dimension ref="A1:BA246"/>
  <sheetViews>
    <sheetView showGridLines="0" tabSelected="1" view="pageBreakPreview" zoomScaleNormal="100" zoomScaleSheetLayoutView="100" workbookViewId="0">
      <selection activeCell="AI5" sqref="AI5"/>
    </sheetView>
  </sheetViews>
  <sheetFormatPr defaultRowHeight="18" customHeight="1"/>
  <cols>
    <col min="1" max="3" width="2.625" style="40" customWidth="1"/>
    <col min="4" max="4" width="2.875" style="40" customWidth="1"/>
    <col min="5" max="19" width="2.625" style="40" customWidth="1"/>
    <col min="20" max="20" width="2.875" style="40" customWidth="1"/>
    <col min="21" max="31" width="2.625" style="40" customWidth="1"/>
    <col min="32" max="32" width="2.625" style="41" customWidth="1"/>
    <col min="33" max="34" width="2.625" style="40" customWidth="1"/>
    <col min="35" max="35" width="9" style="39"/>
    <col min="36" max="39" width="11.375" style="39" customWidth="1"/>
    <col min="40" max="16384" width="9" style="39"/>
  </cols>
  <sheetData>
    <row r="1" spans="1:42" s="29" customFormat="1" ht="20.100000000000001" customHeight="1">
      <c r="A1" s="379" t="s">
        <v>0</v>
      </c>
      <c r="B1" s="379"/>
      <c r="C1" s="379"/>
      <c r="D1" s="379"/>
      <c r="E1" s="379"/>
      <c r="F1" s="379"/>
      <c r="G1" s="379"/>
      <c r="H1" s="379"/>
      <c r="I1" s="379"/>
      <c r="J1" s="379"/>
      <c r="K1" s="379"/>
      <c r="L1" s="379"/>
      <c r="M1" s="379"/>
      <c r="N1" s="379"/>
      <c r="O1" s="379"/>
      <c r="P1" s="379"/>
      <c r="Q1" s="379"/>
      <c r="R1" s="379"/>
      <c r="S1" s="379"/>
      <c r="T1" s="379"/>
      <c r="U1" s="379"/>
      <c r="V1" s="379"/>
      <c r="W1" s="379"/>
      <c r="X1" s="379"/>
      <c r="Y1" s="379"/>
      <c r="Z1" s="379"/>
      <c r="AA1" s="379"/>
      <c r="AB1" s="379"/>
      <c r="AC1" s="379"/>
      <c r="AD1" s="379"/>
      <c r="AE1" s="379"/>
      <c r="AF1" s="379"/>
      <c r="AG1" s="379"/>
      <c r="AH1" s="42"/>
    </row>
    <row r="2" spans="1:42" s="29" customFormat="1" ht="15.95" customHeight="1">
      <c r="A2" s="30"/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  <c r="T2" s="30"/>
      <c r="U2" s="30"/>
      <c r="V2" s="30"/>
      <c r="W2" s="30"/>
      <c r="X2" s="30"/>
      <c r="Y2" s="30"/>
      <c r="Z2" s="30"/>
      <c r="AA2" s="30"/>
      <c r="AB2" s="30"/>
      <c r="AC2" s="30"/>
      <c r="AD2" s="30"/>
      <c r="AE2" s="30"/>
      <c r="AF2" s="30"/>
      <c r="AG2" s="30"/>
      <c r="AH2" s="42"/>
    </row>
    <row r="3" spans="1:42" s="29" customFormat="1" ht="20.100000000000001" customHeight="1">
      <c r="A3" s="69" t="s">
        <v>1</v>
      </c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5" t="s">
        <v>2</v>
      </c>
      <c r="AH3" s="2"/>
      <c r="AI3" s="3"/>
      <c r="AJ3" s="4"/>
      <c r="AK3" s="4"/>
      <c r="AL3" s="4"/>
      <c r="AM3" s="4"/>
      <c r="AN3" s="4"/>
    </row>
    <row r="4" spans="1:42" s="29" customFormat="1" ht="13.5" customHeight="1">
      <c r="A4" s="154" t="s">
        <v>3</v>
      </c>
      <c r="B4" s="155"/>
      <c r="C4" s="155"/>
      <c r="D4" s="155"/>
      <c r="E4" s="155"/>
      <c r="F4" s="156"/>
      <c r="G4" s="271">
        <v>4</v>
      </c>
      <c r="H4" s="272"/>
      <c r="I4" s="272"/>
      <c r="J4" s="272"/>
      <c r="K4" s="272"/>
      <c r="L4" s="272"/>
      <c r="M4" s="272"/>
      <c r="N4" s="272"/>
      <c r="O4" s="273"/>
      <c r="P4" s="272">
        <v>5</v>
      </c>
      <c r="Q4" s="393"/>
      <c r="R4" s="393"/>
      <c r="S4" s="393"/>
      <c r="T4" s="393"/>
      <c r="U4" s="393"/>
      <c r="V4" s="393"/>
      <c r="W4" s="393"/>
      <c r="X4" s="393"/>
      <c r="Y4" s="382">
        <v>6</v>
      </c>
      <c r="Z4" s="383"/>
      <c r="AA4" s="383"/>
      <c r="AB4" s="383"/>
      <c r="AC4" s="383"/>
      <c r="AD4" s="383"/>
      <c r="AE4" s="383"/>
      <c r="AF4" s="383"/>
      <c r="AG4" s="384"/>
      <c r="AH4" s="2"/>
      <c r="AI4" s="3"/>
      <c r="AJ4" s="4"/>
      <c r="AK4" s="4"/>
      <c r="AL4" s="4"/>
      <c r="AM4" s="4"/>
      <c r="AN4" s="4"/>
    </row>
    <row r="5" spans="1:42" s="29" customFormat="1" ht="13.5" customHeight="1">
      <c r="A5" s="229" t="s">
        <v>4</v>
      </c>
      <c r="B5" s="230"/>
      <c r="C5" s="230"/>
      <c r="D5" s="230"/>
      <c r="E5" s="230"/>
      <c r="F5" s="231"/>
      <c r="G5" s="274"/>
      <c r="H5" s="275"/>
      <c r="I5" s="275"/>
      <c r="J5" s="275"/>
      <c r="K5" s="275"/>
      <c r="L5" s="275"/>
      <c r="M5" s="275"/>
      <c r="N5" s="275"/>
      <c r="O5" s="276"/>
      <c r="P5" s="394"/>
      <c r="Q5" s="394"/>
      <c r="R5" s="394"/>
      <c r="S5" s="394"/>
      <c r="T5" s="394"/>
      <c r="U5" s="394"/>
      <c r="V5" s="394"/>
      <c r="W5" s="394"/>
      <c r="X5" s="394"/>
      <c r="Y5" s="385"/>
      <c r="Z5" s="386"/>
      <c r="AA5" s="386"/>
      <c r="AB5" s="386"/>
      <c r="AC5" s="386"/>
      <c r="AD5" s="386"/>
      <c r="AE5" s="386"/>
      <c r="AF5" s="386"/>
      <c r="AG5" s="387"/>
      <c r="AH5" s="2"/>
      <c r="AI5" s="3"/>
      <c r="AJ5" s="4"/>
      <c r="AK5" s="4"/>
      <c r="AL5" s="4"/>
      <c r="AM5" s="4"/>
      <c r="AN5" s="4"/>
    </row>
    <row r="6" spans="1:42" s="29" customFormat="1" ht="15" customHeight="1">
      <c r="A6" s="285" t="s">
        <v>57</v>
      </c>
      <c r="B6" s="277" t="s">
        <v>66</v>
      </c>
      <c r="C6" s="277"/>
      <c r="D6" s="277"/>
      <c r="E6" s="277"/>
      <c r="F6" s="278"/>
      <c r="G6" s="283">
        <v>14054000</v>
      </c>
      <c r="H6" s="284"/>
      <c r="I6" s="284"/>
      <c r="J6" s="284"/>
      <c r="K6" s="284"/>
      <c r="L6" s="60" t="s">
        <v>129</v>
      </c>
      <c r="M6" s="266">
        <v>38510</v>
      </c>
      <c r="N6" s="266"/>
      <c r="O6" s="61" t="s">
        <v>130</v>
      </c>
      <c r="P6" s="284">
        <v>14726000</v>
      </c>
      <c r="Q6" s="284"/>
      <c r="R6" s="284"/>
      <c r="S6" s="284"/>
      <c r="T6" s="284"/>
      <c r="U6" s="126" t="s">
        <v>129</v>
      </c>
      <c r="V6" s="266">
        <v>40236</v>
      </c>
      <c r="W6" s="266"/>
      <c r="X6" s="61" t="s">
        <v>130</v>
      </c>
      <c r="Y6" s="392">
        <v>15036000</v>
      </c>
      <c r="Z6" s="392"/>
      <c r="AA6" s="392"/>
      <c r="AB6" s="392"/>
      <c r="AC6" s="392"/>
      <c r="AD6" s="127" t="s">
        <v>129</v>
      </c>
      <c r="AE6" s="344">
        <v>41194</v>
      </c>
      <c r="AF6" s="344"/>
      <c r="AG6" s="65" t="s">
        <v>130</v>
      </c>
      <c r="AH6" s="2"/>
      <c r="AI6" s="3"/>
      <c r="AJ6" s="4"/>
      <c r="AK6" s="4"/>
      <c r="AL6" s="4"/>
      <c r="AM6" s="4"/>
      <c r="AN6" s="4"/>
      <c r="AP6" s="43"/>
    </row>
    <row r="7" spans="1:42" s="29" customFormat="1" ht="15" customHeight="1">
      <c r="A7" s="286"/>
      <c r="B7" s="288" t="s">
        <v>6</v>
      </c>
      <c r="C7" s="288"/>
      <c r="D7" s="288"/>
      <c r="E7" s="288"/>
      <c r="F7" s="289"/>
      <c r="G7" s="279">
        <v>4708000</v>
      </c>
      <c r="H7" s="280"/>
      <c r="I7" s="280"/>
      <c r="J7" s="280"/>
      <c r="K7" s="280"/>
      <c r="L7" s="131" t="s">
        <v>129</v>
      </c>
      <c r="M7" s="267">
        <v>12900</v>
      </c>
      <c r="N7" s="267"/>
      <c r="O7" s="129" t="s">
        <v>130</v>
      </c>
      <c r="P7" s="282">
        <v>4878000</v>
      </c>
      <c r="Q7" s="282"/>
      <c r="R7" s="282"/>
      <c r="S7" s="282"/>
      <c r="T7" s="282"/>
      <c r="U7" s="131" t="s">
        <v>129</v>
      </c>
      <c r="V7" s="267">
        <v>13330</v>
      </c>
      <c r="W7" s="267"/>
      <c r="X7" s="129" t="s">
        <v>130</v>
      </c>
      <c r="Y7" s="331">
        <v>4910000</v>
      </c>
      <c r="Z7" s="331"/>
      <c r="AA7" s="331"/>
      <c r="AB7" s="331"/>
      <c r="AC7" s="331"/>
      <c r="AD7" s="130" t="s">
        <v>129</v>
      </c>
      <c r="AE7" s="345">
        <v>13454</v>
      </c>
      <c r="AF7" s="345"/>
      <c r="AG7" s="66" t="s">
        <v>130</v>
      </c>
      <c r="AH7" s="2"/>
      <c r="AI7" s="3"/>
      <c r="AJ7" s="4"/>
      <c r="AK7" s="4"/>
      <c r="AL7" s="4"/>
      <c r="AM7" s="4"/>
      <c r="AN7" s="4"/>
      <c r="AP7" s="43"/>
    </row>
    <row r="8" spans="1:42" s="29" customFormat="1" ht="15" customHeight="1">
      <c r="A8" s="286"/>
      <c r="B8" s="288" t="s">
        <v>7</v>
      </c>
      <c r="C8" s="288"/>
      <c r="D8" s="288"/>
      <c r="E8" s="288"/>
      <c r="F8" s="289"/>
      <c r="G8" s="281">
        <v>1354000</v>
      </c>
      <c r="H8" s="282"/>
      <c r="I8" s="282"/>
      <c r="J8" s="282"/>
      <c r="K8" s="282"/>
      <c r="L8" s="131" t="s">
        <v>129</v>
      </c>
      <c r="M8" s="267">
        <v>3712</v>
      </c>
      <c r="N8" s="267"/>
      <c r="O8" s="129" t="s">
        <v>130</v>
      </c>
      <c r="P8" s="282">
        <v>1430000</v>
      </c>
      <c r="Q8" s="282"/>
      <c r="R8" s="282"/>
      <c r="S8" s="282"/>
      <c r="T8" s="282"/>
      <c r="U8" s="131" t="s">
        <v>129</v>
      </c>
      <c r="V8" s="267">
        <v>3908</v>
      </c>
      <c r="W8" s="267"/>
      <c r="X8" s="129" t="s">
        <v>130</v>
      </c>
      <c r="Y8" s="331">
        <v>1474000</v>
      </c>
      <c r="Z8" s="331"/>
      <c r="AA8" s="331"/>
      <c r="AB8" s="331"/>
      <c r="AC8" s="331"/>
      <c r="AD8" s="130" t="s">
        <v>129</v>
      </c>
      <c r="AE8" s="345">
        <v>4036</v>
      </c>
      <c r="AF8" s="345"/>
      <c r="AG8" s="66" t="s">
        <v>130</v>
      </c>
      <c r="AH8" s="2"/>
      <c r="AI8" s="3"/>
      <c r="AJ8" s="4"/>
      <c r="AK8" s="4"/>
      <c r="AL8" s="4"/>
      <c r="AM8" s="4"/>
      <c r="AN8" s="4"/>
      <c r="AP8" s="43"/>
    </row>
    <row r="9" spans="1:42" s="29" customFormat="1" ht="15" customHeight="1">
      <c r="A9" s="286"/>
      <c r="B9" s="288" t="s">
        <v>8</v>
      </c>
      <c r="C9" s="288"/>
      <c r="D9" s="288"/>
      <c r="E9" s="288"/>
      <c r="F9" s="289"/>
      <c r="G9" s="281">
        <v>4196000</v>
      </c>
      <c r="H9" s="282"/>
      <c r="I9" s="282"/>
      <c r="J9" s="282"/>
      <c r="K9" s="282"/>
      <c r="L9" s="131" t="s">
        <v>129</v>
      </c>
      <c r="M9" s="267">
        <v>11498</v>
      </c>
      <c r="N9" s="267"/>
      <c r="O9" s="129" t="s">
        <v>130</v>
      </c>
      <c r="P9" s="282">
        <v>4400000</v>
      </c>
      <c r="Q9" s="282"/>
      <c r="R9" s="282"/>
      <c r="S9" s="282"/>
      <c r="T9" s="282"/>
      <c r="U9" s="131" t="s">
        <v>129</v>
      </c>
      <c r="V9" s="267">
        <v>12020</v>
      </c>
      <c r="W9" s="267"/>
      <c r="X9" s="129" t="s">
        <v>130</v>
      </c>
      <c r="Y9" s="331">
        <v>4480000</v>
      </c>
      <c r="Z9" s="331"/>
      <c r="AA9" s="331"/>
      <c r="AB9" s="331"/>
      <c r="AC9" s="331"/>
      <c r="AD9" s="130" t="s">
        <v>129</v>
      </c>
      <c r="AE9" s="345">
        <v>12272</v>
      </c>
      <c r="AF9" s="345"/>
      <c r="AG9" s="66" t="s">
        <v>130</v>
      </c>
      <c r="AH9" s="2"/>
      <c r="AI9" s="3"/>
      <c r="AJ9" s="4"/>
      <c r="AK9" s="4"/>
      <c r="AL9" s="4"/>
      <c r="AM9" s="4"/>
      <c r="AN9" s="4"/>
      <c r="AP9" s="43"/>
    </row>
    <row r="10" spans="1:42" s="29" customFormat="1" ht="15" customHeight="1">
      <c r="A10" s="286"/>
      <c r="B10" s="288" t="s">
        <v>9</v>
      </c>
      <c r="C10" s="288"/>
      <c r="D10" s="288"/>
      <c r="E10" s="288"/>
      <c r="F10" s="289"/>
      <c r="G10" s="281">
        <v>3152000</v>
      </c>
      <c r="H10" s="282"/>
      <c r="I10" s="282"/>
      <c r="J10" s="282"/>
      <c r="K10" s="282"/>
      <c r="L10" s="131" t="s">
        <v>129</v>
      </c>
      <c r="M10" s="267">
        <v>8638</v>
      </c>
      <c r="N10" s="267"/>
      <c r="O10" s="129" t="s">
        <v>130</v>
      </c>
      <c r="P10" s="282">
        <v>3314000</v>
      </c>
      <c r="Q10" s="282"/>
      <c r="R10" s="282"/>
      <c r="S10" s="282"/>
      <c r="T10" s="282"/>
      <c r="U10" s="131" t="s">
        <v>129</v>
      </c>
      <c r="V10" s="267">
        <v>9054</v>
      </c>
      <c r="W10" s="267"/>
      <c r="X10" s="129" t="s">
        <v>130</v>
      </c>
      <c r="Y10" s="331">
        <v>3424000</v>
      </c>
      <c r="Z10" s="331"/>
      <c r="AA10" s="331"/>
      <c r="AB10" s="331"/>
      <c r="AC10" s="331"/>
      <c r="AD10" s="130" t="s">
        <v>129</v>
      </c>
      <c r="AE10" s="345">
        <v>9380</v>
      </c>
      <c r="AF10" s="345"/>
      <c r="AG10" s="66" t="s">
        <v>130</v>
      </c>
      <c r="AH10" s="2"/>
      <c r="AI10" s="3"/>
      <c r="AJ10" s="4"/>
      <c r="AK10" s="4"/>
      <c r="AL10" s="4"/>
      <c r="AM10" s="4"/>
      <c r="AN10" s="4"/>
      <c r="AP10" s="43"/>
    </row>
    <row r="11" spans="1:42" s="29" customFormat="1" ht="15" customHeight="1">
      <c r="A11" s="287"/>
      <c r="B11" s="290" t="s">
        <v>10</v>
      </c>
      <c r="C11" s="290"/>
      <c r="D11" s="290"/>
      <c r="E11" s="290"/>
      <c r="F11" s="291"/>
      <c r="G11" s="306">
        <v>644000</v>
      </c>
      <c r="H11" s="307"/>
      <c r="I11" s="307"/>
      <c r="J11" s="307"/>
      <c r="K11" s="307"/>
      <c r="L11" s="124" t="s">
        <v>129</v>
      </c>
      <c r="M11" s="436">
        <v>1762</v>
      </c>
      <c r="N11" s="436"/>
      <c r="O11" s="125" t="s">
        <v>130</v>
      </c>
      <c r="P11" s="307">
        <v>704000</v>
      </c>
      <c r="Q11" s="307"/>
      <c r="R11" s="307"/>
      <c r="S11" s="307"/>
      <c r="T11" s="307"/>
      <c r="U11" s="124" t="s">
        <v>129</v>
      </c>
      <c r="V11" s="436">
        <v>1924</v>
      </c>
      <c r="W11" s="436"/>
      <c r="X11" s="125" t="s">
        <v>130</v>
      </c>
      <c r="Y11" s="391">
        <v>748000</v>
      </c>
      <c r="Z11" s="391"/>
      <c r="AA11" s="391"/>
      <c r="AB11" s="391"/>
      <c r="AC11" s="391"/>
      <c r="AD11" s="67" t="s">
        <v>129</v>
      </c>
      <c r="AE11" s="395">
        <v>2052</v>
      </c>
      <c r="AF11" s="395"/>
      <c r="AG11" s="68" t="s">
        <v>130</v>
      </c>
      <c r="AH11" s="2"/>
      <c r="AI11" s="3"/>
      <c r="AJ11" s="4"/>
      <c r="AK11" s="4"/>
      <c r="AL11" s="4"/>
      <c r="AM11" s="4"/>
      <c r="AN11" s="4"/>
      <c r="AP11" s="43"/>
    </row>
    <row r="12" spans="1:42" s="29" customFormat="1" ht="15" customHeight="1">
      <c r="A12" s="286" t="s">
        <v>11</v>
      </c>
      <c r="B12" s="380" t="s">
        <v>66</v>
      </c>
      <c r="C12" s="380"/>
      <c r="D12" s="380"/>
      <c r="E12" s="380"/>
      <c r="F12" s="381"/>
      <c r="G12" s="319">
        <v>14037865</v>
      </c>
      <c r="H12" s="320">
        <v>14037865</v>
      </c>
      <c r="I12" s="320">
        <v>14037865</v>
      </c>
      <c r="J12" s="320">
        <v>14037865</v>
      </c>
      <c r="K12" s="320">
        <v>14037865</v>
      </c>
      <c r="L12" s="126" t="s">
        <v>129</v>
      </c>
      <c r="M12" s="266">
        <v>38460</v>
      </c>
      <c r="N12" s="266">
        <v>38460</v>
      </c>
      <c r="O12" s="128" t="s">
        <v>130</v>
      </c>
      <c r="P12" s="284">
        <v>14559550</v>
      </c>
      <c r="Q12" s="284"/>
      <c r="R12" s="284"/>
      <c r="S12" s="284"/>
      <c r="T12" s="284"/>
      <c r="U12" s="126" t="s">
        <v>129</v>
      </c>
      <c r="V12" s="266">
        <v>39780</v>
      </c>
      <c r="W12" s="266"/>
      <c r="X12" s="128" t="s">
        <v>130</v>
      </c>
      <c r="Y12" s="392">
        <v>14622136</v>
      </c>
      <c r="Z12" s="392">
        <v>14622136</v>
      </c>
      <c r="AA12" s="392">
        <v>14622136</v>
      </c>
      <c r="AB12" s="392">
        <v>14622136</v>
      </c>
      <c r="AC12" s="392">
        <v>14622136</v>
      </c>
      <c r="AD12" s="127" t="s">
        <v>129</v>
      </c>
      <c r="AE12" s="344">
        <v>40061</v>
      </c>
      <c r="AF12" s="344">
        <v>40061</v>
      </c>
      <c r="AG12" s="33" t="s">
        <v>130</v>
      </c>
      <c r="AH12" s="2"/>
      <c r="AI12" s="3"/>
      <c r="AJ12" s="4"/>
      <c r="AK12" s="4"/>
      <c r="AL12" s="4"/>
      <c r="AM12" s="4"/>
      <c r="AN12" s="4"/>
      <c r="AP12" s="44"/>
    </row>
    <row r="13" spans="1:42" s="29" customFormat="1" ht="15" customHeight="1">
      <c r="A13" s="286"/>
      <c r="B13" s="288" t="s">
        <v>12</v>
      </c>
      <c r="C13" s="288"/>
      <c r="D13" s="288"/>
      <c r="E13" s="288"/>
      <c r="F13" s="289"/>
      <c r="G13" s="317">
        <v>8371400</v>
      </c>
      <c r="H13" s="318">
        <v>8371400</v>
      </c>
      <c r="I13" s="318">
        <v>8371400</v>
      </c>
      <c r="J13" s="318">
        <v>8371400</v>
      </c>
      <c r="K13" s="318">
        <v>8371400</v>
      </c>
      <c r="L13" s="126" t="s">
        <v>129</v>
      </c>
      <c r="M13" s="267">
        <v>22935</v>
      </c>
      <c r="N13" s="267">
        <v>22935</v>
      </c>
      <c r="O13" s="128" t="s">
        <v>130</v>
      </c>
      <c r="P13" s="282">
        <v>8596971</v>
      </c>
      <c r="Q13" s="282"/>
      <c r="R13" s="282"/>
      <c r="S13" s="282"/>
      <c r="T13" s="282"/>
      <c r="U13" s="126" t="s">
        <v>129</v>
      </c>
      <c r="V13" s="267">
        <v>23489</v>
      </c>
      <c r="W13" s="267"/>
      <c r="X13" s="128" t="s">
        <v>130</v>
      </c>
      <c r="Y13" s="331">
        <v>8618678</v>
      </c>
      <c r="Z13" s="331">
        <v>8618678</v>
      </c>
      <c r="AA13" s="331">
        <v>8618678</v>
      </c>
      <c r="AB13" s="331">
        <v>8618678</v>
      </c>
      <c r="AC13" s="331">
        <v>8618678</v>
      </c>
      <c r="AD13" s="127" t="s">
        <v>129</v>
      </c>
      <c r="AE13" s="345">
        <v>23613</v>
      </c>
      <c r="AF13" s="345">
        <v>23613</v>
      </c>
      <c r="AG13" s="33" t="s">
        <v>130</v>
      </c>
      <c r="AH13" s="2"/>
      <c r="AI13" s="3"/>
      <c r="AJ13" s="4"/>
      <c r="AK13" s="4"/>
      <c r="AL13" s="4"/>
      <c r="AM13" s="4"/>
      <c r="AN13" s="4"/>
      <c r="AP13" s="44"/>
    </row>
    <row r="14" spans="1:42" s="29" customFormat="1" ht="15" customHeight="1">
      <c r="A14" s="286"/>
      <c r="B14" s="288" t="s">
        <v>13</v>
      </c>
      <c r="C14" s="288"/>
      <c r="D14" s="288"/>
      <c r="E14" s="288"/>
      <c r="F14" s="289"/>
      <c r="G14" s="317">
        <v>3428055</v>
      </c>
      <c r="H14" s="318">
        <v>3428055</v>
      </c>
      <c r="I14" s="318">
        <v>3428055</v>
      </c>
      <c r="J14" s="318">
        <v>3428055</v>
      </c>
      <c r="K14" s="318">
        <v>3428055</v>
      </c>
      <c r="L14" s="126" t="s">
        <v>129</v>
      </c>
      <c r="M14" s="267">
        <v>9392</v>
      </c>
      <c r="N14" s="267">
        <v>9392</v>
      </c>
      <c r="O14" s="128" t="s">
        <v>130</v>
      </c>
      <c r="P14" s="282">
        <v>3625847</v>
      </c>
      <c r="Q14" s="282"/>
      <c r="R14" s="282"/>
      <c r="S14" s="282"/>
      <c r="T14" s="282"/>
      <c r="U14" s="126" t="s">
        <v>129</v>
      </c>
      <c r="V14" s="267">
        <v>9907</v>
      </c>
      <c r="W14" s="267"/>
      <c r="X14" s="128" t="s">
        <v>130</v>
      </c>
      <c r="Y14" s="331">
        <v>3631992</v>
      </c>
      <c r="Z14" s="331">
        <v>3631992</v>
      </c>
      <c r="AA14" s="331">
        <v>3631992</v>
      </c>
      <c r="AB14" s="331">
        <v>3631992</v>
      </c>
      <c r="AC14" s="331">
        <v>3631992</v>
      </c>
      <c r="AD14" s="127" t="s">
        <v>129</v>
      </c>
      <c r="AE14" s="345">
        <v>9951</v>
      </c>
      <c r="AF14" s="345">
        <v>9951</v>
      </c>
      <c r="AG14" s="33" t="s">
        <v>130</v>
      </c>
      <c r="AH14" s="2"/>
      <c r="AI14" s="64"/>
      <c r="AJ14" s="4"/>
      <c r="AK14" s="4"/>
      <c r="AL14" s="4"/>
      <c r="AM14" s="4"/>
      <c r="AN14" s="4"/>
      <c r="AP14" s="44"/>
    </row>
    <row r="15" spans="1:42" s="29" customFormat="1" ht="15" customHeight="1">
      <c r="A15" s="286"/>
      <c r="B15" s="288" t="s">
        <v>14</v>
      </c>
      <c r="C15" s="288"/>
      <c r="D15" s="288"/>
      <c r="E15" s="288"/>
      <c r="F15" s="289"/>
      <c r="G15" s="317">
        <v>2084505</v>
      </c>
      <c r="H15" s="318">
        <v>2084505</v>
      </c>
      <c r="I15" s="318">
        <v>2084505</v>
      </c>
      <c r="J15" s="318">
        <v>2084505</v>
      </c>
      <c r="K15" s="318">
        <v>2084505</v>
      </c>
      <c r="L15" s="126" t="s">
        <v>129</v>
      </c>
      <c r="M15" s="267">
        <v>5711</v>
      </c>
      <c r="N15" s="267">
        <v>5711</v>
      </c>
      <c r="O15" s="128" t="s">
        <v>130</v>
      </c>
      <c r="P15" s="282">
        <v>2174042</v>
      </c>
      <c r="Q15" s="282"/>
      <c r="R15" s="282"/>
      <c r="S15" s="282"/>
      <c r="T15" s="282"/>
      <c r="U15" s="126" t="s">
        <v>129</v>
      </c>
      <c r="V15" s="267">
        <v>5940</v>
      </c>
      <c r="W15" s="267"/>
      <c r="X15" s="128" t="s">
        <v>130</v>
      </c>
      <c r="Y15" s="331">
        <v>2214465</v>
      </c>
      <c r="Z15" s="331">
        <v>2214465</v>
      </c>
      <c r="AA15" s="331">
        <v>2214465</v>
      </c>
      <c r="AB15" s="331">
        <v>2214465</v>
      </c>
      <c r="AC15" s="331">
        <v>2214465</v>
      </c>
      <c r="AD15" s="127" t="s">
        <v>129</v>
      </c>
      <c r="AE15" s="345">
        <v>6067</v>
      </c>
      <c r="AF15" s="345">
        <v>6067</v>
      </c>
      <c r="AG15" s="33" t="s">
        <v>130</v>
      </c>
      <c r="AH15" s="2"/>
      <c r="AI15" s="3"/>
      <c r="AJ15" s="4"/>
      <c r="AK15" s="4"/>
      <c r="AL15" s="4"/>
      <c r="AM15" s="4"/>
      <c r="AN15" s="4"/>
      <c r="AP15" s="44"/>
    </row>
    <row r="16" spans="1:42" s="29" customFormat="1" ht="15" customHeight="1">
      <c r="A16" s="316"/>
      <c r="B16" s="371" t="s">
        <v>15</v>
      </c>
      <c r="C16" s="371"/>
      <c r="D16" s="371"/>
      <c r="E16" s="371"/>
      <c r="F16" s="372"/>
      <c r="G16" s="301">
        <v>153905</v>
      </c>
      <c r="H16" s="302">
        <v>153905</v>
      </c>
      <c r="I16" s="302">
        <v>153905</v>
      </c>
      <c r="J16" s="302">
        <v>153905</v>
      </c>
      <c r="K16" s="302">
        <v>153905</v>
      </c>
      <c r="L16" s="62" t="s">
        <v>129</v>
      </c>
      <c r="M16" s="328">
        <v>422</v>
      </c>
      <c r="N16" s="328">
        <v>422</v>
      </c>
      <c r="O16" s="63" t="s">
        <v>130</v>
      </c>
      <c r="P16" s="390">
        <v>162690</v>
      </c>
      <c r="Q16" s="390"/>
      <c r="R16" s="390"/>
      <c r="S16" s="390"/>
      <c r="T16" s="390"/>
      <c r="U16" s="62" t="s">
        <v>129</v>
      </c>
      <c r="V16" s="328">
        <v>445</v>
      </c>
      <c r="W16" s="328"/>
      <c r="X16" s="63" t="s">
        <v>130</v>
      </c>
      <c r="Y16" s="388">
        <v>157001</v>
      </c>
      <c r="Z16" s="388">
        <v>157001</v>
      </c>
      <c r="AA16" s="388">
        <v>157001</v>
      </c>
      <c r="AB16" s="388">
        <v>157001</v>
      </c>
      <c r="AC16" s="388">
        <v>157001</v>
      </c>
      <c r="AD16" s="34" t="s">
        <v>129</v>
      </c>
      <c r="AE16" s="389">
        <v>430</v>
      </c>
      <c r="AF16" s="389">
        <v>430</v>
      </c>
      <c r="AG16" s="35" t="s">
        <v>130</v>
      </c>
      <c r="AH16" s="2"/>
      <c r="AI16" s="3"/>
      <c r="AJ16" s="4"/>
      <c r="AK16" s="4"/>
      <c r="AL16" s="4"/>
      <c r="AM16" s="4"/>
      <c r="AN16" s="4"/>
      <c r="AP16" s="44"/>
    </row>
    <row r="17" spans="1:34" s="29" customFormat="1" ht="13.5" customHeight="1">
      <c r="A17" s="6" t="s">
        <v>16</v>
      </c>
      <c r="B17" s="7"/>
      <c r="C17" s="7"/>
      <c r="D17" s="7"/>
      <c r="E17" s="7"/>
      <c r="F17" s="7"/>
      <c r="G17" s="7"/>
      <c r="H17" s="7"/>
      <c r="I17" s="7"/>
      <c r="J17" s="7"/>
      <c r="K17" s="7"/>
      <c r="L17" s="7"/>
      <c r="M17" s="7"/>
      <c r="N17" s="7"/>
      <c r="O17" s="7"/>
      <c r="P17" s="7"/>
      <c r="Q17" s="7"/>
      <c r="R17" s="8"/>
      <c r="S17" s="9"/>
      <c r="T17" s="9"/>
      <c r="U17" s="9"/>
      <c r="V17" s="9"/>
      <c r="W17" s="9"/>
      <c r="X17" s="9"/>
      <c r="Y17" s="9"/>
      <c r="Z17" s="9"/>
      <c r="AA17" s="9"/>
      <c r="AB17" s="9"/>
      <c r="AC17" s="9"/>
      <c r="AE17" s="8"/>
      <c r="AF17" s="10"/>
      <c r="AG17" s="9" t="s">
        <v>17</v>
      </c>
      <c r="AH17" s="11"/>
    </row>
    <row r="18" spans="1:34" s="29" customFormat="1" ht="13.5" customHeight="1">
      <c r="A18" s="6" t="s">
        <v>125</v>
      </c>
      <c r="B18" s="7"/>
      <c r="C18" s="7"/>
      <c r="D18" s="7"/>
      <c r="E18" s="7"/>
      <c r="F18" s="7"/>
      <c r="G18" s="7"/>
      <c r="H18" s="7"/>
      <c r="I18" s="7"/>
      <c r="J18" s="7"/>
      <c r="K18" s="7"/>
      <c r="L18" s="7"/>
      <c r="M18" s="7"/>
      <c r="N18" s="7"/>
      <c r="O18" s="7"/>
      <c r="P18" s="7"/>
      <c r="Q18" s="7"/>
      <c r="R18" s="8"/>
      <c r="S18" s="9"/>
      <c r="T18" s="9"/>
      <c r="U18" s="9"/>
      <c r="V18" s="9"/>
      <c r="W18" s="9"/>
      <c r="X18" s="9"/>
      <c r="Y18" s="9"/>
      <c r="Z18" s="9"/>
      <c r="AA18" s="9"/>
      <c r="AB18" s="9"/>
      <c r="AC18" s="9"/>
      <c r="AE18" s="8"/>
      <c r="AF18" s="10"/>
      <c r="AG18" s="9"/>
      <c r="AH18" s="11"/>
    </row>
    <row r="19" spans="1:34" s="29" customFormat="1" ht="12" customHeight="1">
      <c r="A19" s="6"/>
      <c r="B19" s="7"/>
      <c r="C19" s="7"/>
      <c r="D19" s="7"/>
      <c r="E19" s="7"/>
      <c r="F19" s="7"/>
      <c r="G19" s="7"/>
      <c r="H19" s="7"/>
      <c r="I19" s="7"/>
      <c r="J19" s="7"/>
      <c r="K19" s="7"/>
      <c r="L19" s="7"/>
      <c r="M19" s="7"/>
      <c r="N19" s="7"/>
      <c r="O19" s="7"/>
      <c r="P19" s="7"/>
      <c r="Q19" s="7"/>
      <c r="R19" s="9"/>
      <c r="S19" s="9"/>
      <c r="T19" s="9"/>
      <c r="U19" s="9"/>
      <c r="V19" s="9"/>
      <c r="W19" s="9"/>
      <c r="X19" s="9"/>
      <c r="Y19" s="9"/>
      <c r="Z19" s="9"/>
      <c r="AA19" s="9"/>
      <c r="AB19" s="9"/>
      <c r="AC19" s="9"/>
      <c r="AD19" s="9"/>
      <c r="AE19" s="8"/>
      <c r="AF19" s="10"/>
      <c r="AG19" s="11"/>
      <c r="AH19" s="11"/>
    </row>
    <row r="20" spans="1:34" s="29" customFormat="1" ht="20.100000000000001" customHeight="1">
      <c r="A20" s="12" t="s">
        <v>18</v>
      </c>
      <c r="B20" s="13"/>
      <c r="C20" s="13"/>
      <c r="D20" s="13"/>
      <c r="E20" s="13"/>
      <c r="F20" s="13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15"/>
      <c r="Z20" s="15"/>
      <c r="AA20" s="15"/>
      <c r="AB20" s="15"/>
      <c r="AC20" s="15"/>
      <c r="AD20" s="15"/>
      <c r="AE20" s="14"/>
      <c r="AF20" s="10"/>
      <c r="AG20" s="11"/>
      <c r="AH20" s="11"/>
    </row>
    <row r="21" spans="1:34" s="29" customFormat="1" ht="15.95" customHeight="1">
      <c r="A21" s="16"/>
      <c r="B21" s="16" t="s">
        <v>19</v>
      </c>
      <c r="C21" s="16"/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6"/>
      <c r="Q21" s="16"/>
      <c r="R21" s="16"/>
      <c r="S21" s="16"/>
      <c r="T21" s="16"/>
      <c r="U21" s="16"/>
      <c r="V21" s="16"/>
      <c r="W21" s="16"/>
      <c r="X21" s="16"/>
      <c r="Y21" s="17"/>
      <c r="Z21" s="17"/>
      <c r="AA21" s="17"/>
      <c r="AB21" s="17"/>
      <c r="AC21" s="17"/>
      <c r="AD21" s="17"/>
      <c r="AE21" s="14"/>
      <c r="AF21" s="10"/>
      <c r="AG21" s="11"/>
      <c r="AH21" s="11"/>
    </row>
    <row r="22" spans="1:34" s="29" customFormat="1" ht="15" customHeight="1">
      <c r="A22" s="321" t="s">
        <v>4</v>
      </c>
      <c r="B22" s="322"/>
      <c r="C22" s="323"/>
      <c r="D22" s="157" t="s">
        <v>22</v>
      </c>
      <c r="E22" s="158"/>
      <c r="F22" s="158"/>
      <c r="G22" s="158"/>
      <c r="H22" s="158"/>
      <c r="I22" s="158"/>
      <c r="J22" s="158"/>
      <c r="K22" s="158"/>
      <c r="L22" s="158"/>
      <c r="M22" s="158"/>
      <c r="N22" s="158"/>
      <c r="O22" s="158"/>
      <c r="P22" s="158"/>
      <c r="Q22" s="158"/>
      <c r="R22" s="159"/>
      <c r="S22" s="158" t="s">
        <v>23</v>
      </c>
      <c r="T22" s="158"/>
      <c r="U22" s="158"/>
      <c r="V22" s="158"/>
      <c r="W22" s="158"/>
      <c r="X22" s="158"/>
      <c r="Y22" s="158"/>
      <c r="Z22" s="158"/>
      <c r="AA22" s="158"/>
      <c r="AB22" s="158"/>
      <c r="AC22" s="158"/>
      <c r="AD22" s="158"/>
      <c r="AE22" s="158"/>
      <c r="AF22" s="158"/>
      <c r="AG22" s="359"/>
      <c r="AH22" s="11"/>
    </row>
    <row r="23" spans="1:34" s="29" customFormat="1" ht="15" customHeight="1">
      <c r="A23" s="324"/>
      <c r="B23" s="325"/>
      <c r="C23" s="326"/>
      <c r="D23" s="298" t="s">
        <v>79</v>
      </c>
      <c r="E23" s="299"/>
      <c r="F23" s="299"/>
      <c r="G23" s="299"/>
      <c r="H23" s="300"/>
      <c r="I23" s="299" t="s">
        <v>80</v>
      </c>
      <c r="J23" s="299"/>
      <c r="K23" s="299"/>
      <c r="L23" s="299"/>
      <c r="M23" s="300"/>
      <c r="N23" s="329" t="s">
        <v>81</v>
      </c>
      <c r="O23" s="329"/>
      <c r="P23" s="329"/>
      <c r="Q23" s="329"/>
      <c r="R23" s="330"/>
      <c r="S23" s="299" t="s">
        <v>79</v>
      </c>
      <c r="T23" s="299"/>
      <c r="U23" s="299"/>
      <c r="V23" s="299"/>
      <c r="W23" s="300"/>
      <c r="X23" s="299" t="s">
        <v>80</v>
      </c>
      <c r="Y23" s="299"/>
      <c r="Z23" s="299"/>
      <c r="AA23" s="299"/>
      <c r="AB23" s="300"/>
      <c r="AC23" s="329" t="s">
        <v>81</v>
      </c>
      <c r="AD23" s="329"/>
      <c r="AE23" s="329"/>
      <c r="AF23" s="329"/>
      <c r="AG23" s="442"/>
      <c r="AH23" s="11"/>
    </row>
    <row r="24" spans="1:34" s="29" customFormat="1" ht="15" customHeight="1">
      <c r="A24" s="295" t="s">
        <v>58</v>
      </c>
      <c r="B24" s="296"/>
      <c r="C24" s="297"/>
      <c r="D24" s="303" t="s">
        <v>82</v>
      </c>
      <c r="E24" s="304"/>
      <c r="F24" s="304"/>
      <c r="G24" s="304"/>
      <c r="H24" s="305"/>
      <c r="I24" s="327" t="s">
        <v>83</v>
      </c>
      <c r="J24" s="304"/>
      <c r="K24" s="304"/>
      <c r="L24" s="304"/>
      <c r="M24" s="305"/>
      <c r="N24" s="327" t="s">
        <v>84</v>
      </c>
      <c r="O24" s="304"/>
      <c r="P24" s="304"/>
      <c r="Q24" s="304"/>
      <c r="R24" s="305"/>
      <c r="S24" s="327" t="s">
        <v>82</v>
      </c>
      <c r="T24" s="304"/>
      <c r="U24" s="304"/>
      <c r="V24" s="304"/>
      <c r="W24" s="305"/>
      <c r="X24" s="327" t="s">
        <v>83</v>
      </c>
      <c r="Y24" s="304"/>
      <c r="Z24" s="304"/>
      <c r="AA24" s="304"/>
      <c r="AB24" s="305"/>
      <c r="AC24" s="327" t="s">
        <v>84</v>
      </c>
      <c r="AD24" s="304"/>
      <c r="AE24" s="304"/>
      <c r="AF24" s="304"/>
      <c r="AG24" s="304"/>
      <c r="AH24" s="11"/>
    </row>
    <row r="25" spans="1:34" s="29" customFormat="1" ht="15" customHeight="1">
      <c r="A25" s="398">
        <v>5</v>
      </c>
      <c r="B25" s="399"/>
      <c r="C25" s="400"/>
      <c r="D25" s="310">
        <v>37.6</v>
      </c>
      <c r="E25" s="311"/>
      <c r="F25" s="311"/>
      <c r="G25" s="311"/>
      <c r="H25" s="311"/>
      <c r="I25" s="217">
        <v>51</v>
      </c>
      <c r="J25" s="217"/>
      <c r="K25" s="217"/>
      <c r="L25" s="217"/>
      <c r="M25" s="217"/>
      <c r="N25" s="396">
        <v>8209</v>
      </c>
      <c r="O25" s="396"/>
      <c r="P25" s="396"/>
      <c r="Q25" s="396"/>
      <c r="R25" s="397"/>
      <c r="S25" s="311">
        <v>30.6</v>
      </c>
      <c r="T25" s="311"/>
      <c r="U25" s="311"/>
      <c r="V25" s="311"/>
      <c r="W25" s="311"/>
      <c r="X25" s="217">
        <v>39</v>
      </c>
      <c r="Y25" s="217"/>
      <c r="Z25" s="217"/>
      <c r="AA25" s="217"/>
      <c r="AB25" s="217"/>
      <c r="AC25" s="217">
        <v>1497</v>
      </c>
      <c r="AD25" s="217"/>
      <c r="AE25" s="217"/>
      <c r="AF25" s="217"/>
      <c r="AG25" s="218"/>
      <c r="AH25" s="11"/>
    </row>
    <row r="26" spans="1:34" s="29" customFormat="1" ht="15" customHeight="1">
      <c r="A26" s="377">
        <v>6</v>
      </c>
      <c r="B26" s="377"/>
      <c r="C26" s="378"/>
      <c r="D26" s="404">
        <v>37.6</v>
      </c>
      <c r="E26" s="405"/>
      <c r="F26" s="405"/>
      <c r="G26" s="405"/>
      <c r="H26" s="405"/>
      <c r="I26" s="203">
        <v>51</v>
      </c>
      <c r="J26" s="203"/>
      <c r="K26" s="203"/>
      <c r="L26" s="203"/>
      <c r="M26" s="203"/>
      <c r="N26" s="203">
        <v>8370</v>
      </c>
      <c r="O26" s="203"/>
      <c r="P26" s="203"/>
      <c r="Q26" s="203"/>
      <c r="R26" s="376"/>
      <c r="S26" s="404">
        <v>30.6</v>
      </c>
      <c r="T26" s="405"/>
      <c r="U26" s="405"/>
      <c r="V26" s="405"/>
      <c r="W26" s="405"/>
      <c r="X26" s="203">
        <v>39</v>
      </c>
      <c r="Y26" s="203"/>
      <c r="Z26" s="203"/>
      <c r="AA26" s="203"/>
      <c r="AB26" s="203"/>
      <c r="AC26" s="203">
        <v>1556</v>
      </c>
      <c r="AD26" s="203"/>
      <c r="AE26" s="203"/>
      <c r="AF26" s="203"/>
      <c r="AG26" s="219"/>
      <c r="AH26" s="11"/>
    </row>
    <row r="27" spans="1:34" s="29" customFormat="1" ht="15" customHeight="1">
      <c r="A27" s="308">
        <v>7</v>
      </c>
      <c r="B27" s="308"/>
      <c r="C27" s="309"/>
      <c r="D27" s="408">
        <v>36.5</v>
      </c>
      <c r="E27" s="409"/>
      <c r="F27" s="409"/>
      <c r="G27" s="409"/>
      <c r="H27" s="409"/>
      <c r="I27" s="200">
        <v>50</v>
      </c>
      <c r="J27" s="200"/>
      <c r="K27" s="200"/>
      <c r="L27" s="200"/>
      <c r="M27" s="200"/>
      <c r="N27" s="200">
        <v>7657</v>
      </c>
      <c r="O27" s="200"/>
      <c r="P27" s="200"/>
      <c r="Q27" s="200"/>
      <c r="R27" s="411"/>
      <c r="S27" s="409">
        <v>30.6</v>
      </c>
      <c r="T27" s="409"/>
      <c r="U27" s="409"/>
      <c r="V27" s="409"/>
      <c r="W27" s="409"/>
      <c r="X27" s="200">
        <v>39</v>
      </c>
      <c r="Y27" s="200"/>
      <c r="Z27" s="200"/>
      <c r="AA27" s="200"/>
      <c r="AB27" s="200"/>
      <c r="AC27" s="200">
        <v>1448</v>
      </c>
      <c r="AD27" s="200"/>
      <c r="AE27" s="200"/>
      <c r="AF27" s="200"/>
      <c r="AG27" s="237"/>
      <c r="AH27" s="11"/>
    </row>
    <row r="28" spans="1:34" s="29" customFormat="1" ht="12.95" customHeight="1">
      <c r="A28" s="6"/>
      <c r="B28" s="16"/>
      <c r="C28" s="16"/>
      <c r="D28" s="16"/>
      <c r="E28" s="16"/>
      <c r="F28" s="16"/>
      <c r="G28" s="16"/>
      <c r="H28" s="16"/>
      <c r="I28" s="16"/>
      <c r="J28" s="16"/>
      <c r="K28" s="16"/>
      <c r="L28" s="16"/>
      <c r="M28" s="16"/>
      <c r="N28" s="14"/>
      <c r="O28" s="9"/>
      <c r="P28" s="9"/>
      <c r="Q28" s="9"/>
      <c r="R28" s="9"/>
      <c r="S28" s="9"/>
      <c r="T28" s="9"/>
      <c r="U28" s="9"/>
      <c r="V28" s="9"/>
      <c r="W28" s="9"/>
      <c r="X28" s="9"/>
      <c r="Y28" s="9"/>
      <c r="Z28" s="9"/>
      <c r="AA28" s="9"/>
      <c r="AB28" s="9"/>
      <c r="AC28" s="9"/>
      <c r="AE28" s="14"/>
      <c r="AF28" s="10"/>
      <c r="AG28" s="9" t="s">
        <v>55</v>
      </c>
      <c r="AH28" s="11"/>
    </row>
    <row r="29" spans="1:34" s="29" customFormat="1" ht="12" customHeight="1">
      <c r="A29" s="6"/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4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9"/>
      <c r="AA29" s="9"/>
      <c r="AB29" s="9"/>
      <c r="AC29" s="9"/>
      <c r="AD29" s="9"/>
      <c r="AE29" s="14"/>
      <c r="AF29" s="10"/>
      <c r="AG29" s="11"/>
      <c r="AH29" s="11"/>
    </row>
    <row r="30" spans="1:34" s="29" customFormat="1" ht="20.100000000000001" customHeight="1">
      <c r="A30" s="37" t="s">
        <v>20</v>
      </c>
      <c r="B30" s="36"/>
      <c r="C30" s="36"/>
      <c r="D30" s="36"/>
      <c r="E30" s="36"/>
      <c r="F30" s="13"/>
      <c r="G30" s="13"/>
      <c r="H30" s="13"/>
      <c r="I30" s="13"/>
      <c r="J30" s="13"/>
      <c r="K30" s="13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14"/>
      <c r="Y30" s="15"/>
      <c r="Z30" s="15"/>
      <c r="AB30" s="18"/>
      <c r="AC30" s="18"/>
      <c r="AD30" s="18"/>
      <c r="AE30" s="14"/>
      <c r="AF30" s="10"/>
      <c r="AG30" s="5" t="s">
        <v>21</v>
      </c>
      <c r="AH30" s="11"/>
    </row>
    <row r="31" spans="1:34" s="29" customFormat="1" ht="15" customHeight="1">
      <c r="A31" s="452" t="s">
        <v>4</v>
      </c>
      <c r="B31" s="453"/>
      <c r="C31" s="453"/>
      <c r="D31" s="459" t="s">
        <v>85</v>
      </c>
      <c r="E31" s="460"/>
      <c r="F31" s="460"/>
      <c r="G31" s="460"/>
      <c r="H31" s="460"/>
      <c r="I31" s="460"/>
      <c r="J31" s="460"/>
      <c r="K31" s="460"/>
      <c r="L31" s="460"/>
      <c r="M31" s="460"/>
      <c r="N31" s="460"/>
      <c r="O31" s="460"/>
      <c r="P31" s="460"/>
      <c r="Q31" s="460"/>
      <c r="R31" s="460"/>
      <c r="S31" s="460"/>
      <c r="T31" s="460"/>
      <c r="U31" s="461"/>
      <c r="V31" s="439" t="s">
        <v>86</v>
      </c>
      <c r="W31" s="440"/>
      <c r="X31" s="440"/>
      <c r="Y31" s="440"/>
      <c r="Z31" s="440"/>
      <c r="AA31" s="440"/>
      <c r="AB31" s="440"/>
      <c r="AC31" s="440"/>
      <c r="AD31" s="440"/>
      <c r="AE31" s="440"/>
      <c r="AF31" s="440"/>
      <c r="AG31" s="441"/>
      <c r="AH31" s="11"/>
    </row>
    <row r="32" spans="1:34" s="29" customFormat="1" ht="15" customHeight="1">
      <c r="A32" s="295" t="s">
        <v>3</v>
      </c>
      <c r="B32" s="296"/>
      <c r="C32" s="296"/>
      <c r="D32" s="401" t="s">
        <v>87</v>
      </c>
      <c r="E32" s="402"/>
      <c r="F32" s="402"/>
      <c r="G32" s="402"/>
      <c r="H32" s="402"/>
      <c r="I32" s="403"/>
      <c r="J32" s="401" t="s">
        <v>118</v>
      </c>
      <c r="K32" s="402"/>
      <c r="L32" s="402"/>
      <c r="M32" s="402"/>
      <c r="N32" s="402"/>
      <c r="O32" s="403"/>
      <c r="P32" s="401" t="s">
        <v>120</v>
      </c>
      <c r="Q32" s="402"/>
      <c r="R32" s="402"/>
      <c r="S32" s="402"/>
      <c r="T32" s="402"/>
      <c r="U32" s="403"/>
      <c r="V32" s="401" t="s">
        <v>121</v>
      </c>
      <c r="W32" s="402"/>
      <c r="X32" s="402"/>
      <c r="Y32" s="402"/>
      <c r="Z32" s="402"/>
      <c r="AA32" s="403"/>
      <c r="AB32" s="401" t="s">
        <v>88</v>
      </c>
      <c r="AC32" s="402"/>
      <c r="AD32" s="402"/>
      <c r="AE32" s="402"/>
      <c r="AF32" s="402"/>
      <c r="AG32" s="451"/>
      <c r="AH32" s="11"/>
    </row>
    <row r="33" spans="1:34" s="29" customFormat="1" ht="15" customHeight="1">
      <c r="A33" s="398">
        <v>4</v>
      </c>
      <c r="B33" s="399"/>
      <c r="C33" s="400"/>
      <c r="D33" s="410">
        <v>831404</v>
      </c>
      <c r="E33" s="410"/>
      <c r="F33" s="410"/>
      <c r="G33" s="410"/>
      <c r="H33" s="410"/>
      <c r="I33" s="410"/>
      <c r="J33" s="410">
        <v>892553</v>
      </c>
      <c r="K33" s="410"/>
      <c r="L33" s="410"/>
      <c r="M33" s="410"/>
      <c r="N33" s="410"/>
      <c r="O33" s="410"/>
      <c r="P33" s="410">
        <v>124617</v>
      </c>
      <c r="Q33" s="410"/>
      <c r="R33" s="410"/>
      <c r="S33" s="410"/>
      <c r="T33" s="410"/>
      <c r="U33" s="410"/>
      <c r="V33" s="373">
        <v>173742</v>
      </c>
      <c r="W33" s="374"/>
      <c r="X33" s="374"/>
      <c r="Y33" s="374"/>
      <c r="Z33" s="374"/>
      <c r="AA33" s="375"/>
      <c r="AB33" s="406">
        <v>266286</v>
      </c>
      <c r="AC33" s="406"/>
      <c r="AD33" s="406"/>
      <c r="AE33" s="406"/>
      <c r="AF33" s="406"/>
      <c r="AG33" s="407"/>
      <c r="AH33" s="11"/>
    </row>
    <row r="34" spans="1:34" s="29" customFormat="1" ht="15" customHeight="1">
      <c r="A34" s="351">
        <v>5</v>
      </c>
      <c r="B34" s="352"/>
      <c r="C34" s="353"/>
      <c r="D34" s="312">
        <v>889891</v>
      </c>
      <c r="E34" s="312"/>
      <c r="F34" s="312"/>
      <c r="G34" s="312"/>
      <c r="H34" s="312"/>
      <c r="I34" s="312"/>
      <c r="J34" s="312">
        <v>894330</v>
      </c>
      <c r="K34" s="312"/>
      <c r="L34" s="312"/>
      <c r="M34" s="312"/>
      <c r="N34" s="312"/>
      <c r="O34" s="312"/>
      <c r="P34" s="312">
        <v>125296</v>
      </c>
      <c r="Q34" s="312"/>
      <c r="R34" s="312"/>
      <c r="S34" s="312"/>
      <c r="T34" s="312"/>
      <c r="U34" s="312"/>
      <c r="V34" s="364">
        <v>174569</v>
      </c>
      <c r="W34" s="365"/>
      <c r="X34" s="365"/>
      <c r="Y34" s="365"/>
      <c r="Z34" s="365"/>
      <c r="AA34" s="366"/>
      <c r="AB34" s="364">
        <v>262209</v>
      </c>
      <c r="AC34" s="365"/>
      <c r="AD34" s="365"/>
      <c r="AE34" s="365"/>
      <c r="AF34" s="365"/>
      <c r="AG34" s="446"/>
      <c r="AH34" s="11"/>
    </row>
    <row r="35" spans="1:34" s="29" customFormat="1" ht="15" customHeight="1">
      <c r="A35" s="308">
        <v>6</v>
      </c>
      <c r="B35" s="308"/>
      <c r="C35" s="309"/>
      <c r="D35" s="265">
        <v>823374</v>
      </c>
      <c r="E35" s="265"/>
      <c r="F35" s="265"/>
      <c r="G35" s="265"/>
      <c r="H35" s="265"/>
      <c r="I35" s="265"/>
      <c r="J35" s="265">
        <v>838382</v>
      </c>
      <c r="K35" s="265"/>
      <c r="L35" s="265"/>
      <c r="M35" s="265"/>
      <c r="N35" s="265"/>
      <c r="O35" s="265"/>
      <c r="P35" s="265">
        <v>113876</v>
      </c>
      <c r="Q35" s="265"/>
      <c r="R35" s="265"/>
      <c r="S35" s="265"/>
      <c r="T35" s="265"/>
      <c r="U35" s="265"/>
      <c r="V35" s="454">
        <v>166162</v>
      </c>
      <c r="W35" s="454"/>
      <c r="X35" s="454"/>
      <c r="Y35" s="454"/>
      <c r="Z35" s="454"/>
      <c r="AA35" s="454"/>
      <c r="AB35" s="467">
        <v>269490</v>
      </c>
      <c r="AC35" s="468"/>
      <c r="AD35" s="468"/>
      <c r="AE35" s="468"/>
      <c r="AF35" s="468"/>
      <c r="AG35" s="469"/>
      <c r="AH35" s="11"/>
    </row>
    <row r="36" spans="1:34" s="29" customFormat="1" ht="12.95" customHeight="1">
      <c r="A36" s="6"/>
      <c r="B36" s="16"/>
      <c r="C36" s="16"/>
      <c r="D36" s="16"/>
      <c r="E36" s="16"/>
      <c r="F36" s="16"/>
      <c r="G36" s="14"/>
      <c r="H36" s="9"/>
      <c r="I36" s="9"/>
      <c r="J36" s="9"/>
      <c r="K36" s="9"/>
      <c r="L36" s="9"/>
      <c r="M36" s="9"/>
      <c r="N36" s="9"/>
      <c r="O36" s="9"/>
      <c r="P36" s="9"/>
      <c r="Q36" s="9"/>
      <c r="R36" s="9"/>
      <c r="S36" s="9"/>
      <c r="T36" s="9"/>
      <c r="U36" s="9"/>
      <c r="V36" s="9"/>
      <c r="W36" s="9"/>
      <c r="X36" s="9"/>
      <c r="Y36" s="9"/>
      <c r="Z36" s="9"/>
      <c r="AA36" s="9"/>
      <c r="AB36" s="9"/>
      <c r="AC36" s="9"/>
      <c r="AE36" s="14"/>
      <c r="AF36" s="10"/>
      <c r="AG36" s="9" t="s">
        <v>55</v>
      </c>
      <c r="AH36" s="11"/>
    </row>
    <row r="37" spans="1:34" s="29" customFormat="1" ht="12" customHeight="1">
      <c r="A37" s="14"/>
      <c r="B37" s="14"/>
      <c r="C37" s="14"/>
      <c r="D37" s="14"/>
      <c r="E37" s="14"/>
      <c r="F37" s="14"/>
      <c r="G37" s="14"/>
      <c r="H37" s="14"/>
      <c r="I37" s="14"/>
      <c r="J37" s="14"/>
      <c r="K37" s="14"/>
      <c r="L37" s="14"/>
      <c r="M37" s="14"/>
      <c r="N37" s="14"/>
      <c r="O37" s="14"/>
      <c r="P37" s="14"/>
      <c r="Q37" s="14"/>
      <c r="R37" s="15"/>
      <c r="S37" s="15"/>
      <c r="T37" s="15"/>
      <c r="U37" s="15"/>
      <c r="V37" s="15"/>
      <c r="W37" s="15"/>
      <c r="X37" s="15"/>
      <c r="Y37" s="15"/>
      <c r="Z37" s="15"/>
      <c r="AA37" s="15"/>
      <c r="AB37" s="15"/>
      <c r="AC37" s="15"/>
      <c r="AD37" s="15"/>
      <c r="AE37" s="14"/>
      <c r="AF37" s="10"/>
      <c r="AG37" s="11"/>
      <c r="AH37" s="11"/>
    </row>
    <row r="38" spans="1:34" s="29" customFormat="1" ht="20.100000000000001" customHeight="1">
      <c r="A38" s="12" t="s">
        <v>64</v>
      </c>
      <c r="B38" s="20"/>
      <c r="C38" s="20"/>
      <c r="D38" s="20"/>
      <c r="E38" s="20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14"/>
      <c r="R38" s="14"/>
      <c r="S38" s="15"/>
      <c r="T38" s="15"/>
      <c r="U38" s="15"/>
      <c r="V38" s="15"/>
      <c r="W38" s="15"/>
      <c r="X38" s="15"/>
      <c r="Y38" s="15"/>
      <c r="Z38" s="15"/>
      <c r="AA38" s="15"/>
      <c r="AB38" s="15"/>
      <c r="AC38" s="15"/>
      <c r="AD38" s="15"/>
      <c r="AE38" s="14"/>
      <c r="AF38" s="10"/>
      <c r="AG38" s="11"/>
      <c r="AH38" s="11"/>
    </row>
    <row r="39" spans="1:34" s="29" customFormat="1" ht="14.25" customHeight="1">
      <c r="A39" s="12"/>
      <c r="B39" s="16" t="s">
        <v>19</v>
      </c>
      <c r="C39" s="19"/>
      <c r="D39" s="19"/>
      <c r="E39" s="19"/>
      <c r="F39" s="19"/>
      <c r="G39" s="19"/>
      <c r="H39" s="19"/>
      <c r="I39" s="20"/>
      <c r="J39" s="20"/>
      <c r="K39" s="20"/>
      <c r="L39" s="20"/>
      <c r="M39" s="20"/>
      <c r="N39" s="20"/>
      <c r="O39" s="20"/>
      <c r="P39" s="20"/>
      <c r="Q39" s="14"/>
      <c r="R39" s="14"/>
      <c r="S39" s="15"/>
      <c r="T39" s="15"/>
      <c r="U39" s="15"/>
      <c r="V39" s="15"/>
      <c r="W39" s="15"/>
      <c r="X39" s="15"/>
      <c r="Y39" s="15"/>
      <c r="Z39" s="15"/>
      <c r="AA39" s="15"/>
      <c r="AB39" s="17"/>
      <c r="AC39" s="17"/>
      <c r="AE39" s="14"/>
      <c r="AF39" s="10"/>
      <c r="AG39" s="17" t="s">
        <v>30</v>
      </c>
      <c r="AH39" s="11"/>
    </row>
    <row r="40" spans="1:34" s="29" customFormat="1" ht="13.5" customHeight="1">
      <c r="A40" s="346" t="s">
        <v>58</v>
      </c>
      <c r="B40" s="347"/>
      <c r="C40" s="347"/>
      <c r="D40" s="347"/>
      <c r="E40" s="347"/>
      <c r="F40" s="347"/>
      <c r="G40" s="347"/>
      <c r="H40" s="347"/>
      <c r="I40" s="347"/>
      <c r="J40" s="194">
        <v>5</v>
      </c>
      <c r="K40" s="195"/>
      <c r="L40" s="195"/>
      <c r="M40" s="195"/>
      <c r="N40" s="195"/>
      <c r="O40" s="195"/>
      <c r="P40" s="195"/>
      <c r="Q40" s="196"/>
      <c r="R40" s="194">
        <v>6</v>
      </c>
      <c r="S40" s="195"/>
      <c r="T40" s="195"/>
      <c r="U40" s="195"/>
      <c r="V40" s="195"/>
      <c r="W40" s="195"/>
      <c r="X40" s="195"/>
      <c r="Y40" s="196"/>
      <c r="Z40" s="455">
        <v>7</v>
      </c>
      <c r="AA40" s="455"/>
      <c r="AB40" s="455"/>
      <c r="AC40" s="455"/>
      <c r="AD40" s="455"/>
      <c r="AE40" s="455"/>
      <c r="AF40" s="455"/>
      <c r="AG40" s="456"/>
      <c r="AH40" s="1"/>
    </row>
    <row r="41" spans="1:34" s="29" customFormat="1" ht="13.5" customHeight="1">
      <c r="A41" s="354" t="s">
        <v>4</v>
      </c>
      <c r="B41" s="355"/>
      <c r="C41" s="355"/>
      <c r="D41" s="355"/>
      <c r="E41" s="355"/>
      <c r="F41" s="355"/>
      <c r="G41" s="355"/>
      <c r="H41" s="355"/>
      <c r="I41" s="355"/>
      <c r="J41" s="197"/>
      <c r="K41" s="198"/>
      <c r="L41" s="198"/>
      <c r="M41" s="198"/>
      <c r="N41" s="198"/>
      <c r="O41" s="198"/>
      <c r="P41" s="198"/>
      <c r="Q41" s="199"/>
      <c r="R41" s="197"/>
      <c r="S41" s="198"/>
      <c r="T41" s="198"/>
      <c r="U41" s="198"/>
      <c r="V41" s="198"/>
      <c r="W41" s="198"/>
      <c r="X41" s="198"/>
      <c r="Y41" s="199"/>
      <c r="Z41" s="457"/>
      <c r="AA41" s="457"/>
      <c r="AB41" s="457"/>
      <c r="AC41" s="457"/>
      <c r="AD41" s="457"/>
      <c r="AE41" s="457"/>
      <c r="AF41" s="457"/>
      <c r="AG41" s="458"/>
      <c r="AH41" s="1"/>
    </row>
    <row r="42" spans="1:34" s="29" customFormat="1" ht="15" customHeight="1">
      <c r="A42" s="348" t="s">
        <v>31</v>
      </c>
      <c r="B42" s="349"/>
      <c r="C42" s="349"/>
      <c r="D42" s="349"/>
      <c r="E42" s="349"/>
      <c r="F42" s="349"/>
      <c r="G42" s="349"/>
      <c r="H42" s="349"/>
      <c r="I42" s="350"/>
      <c r="J42" s="445">
        <v>47114</v>
      </c>
      <c r="K42" s="445"/>
      <c r="L42" s="445"/>
      <c r="M42" s="445"/>
      <c r="N42" s="445"/>
      <c r="O42" s="445"/>
      <c r="P42" s="445"/>
      <c r="Q42" s="445"/>
      <c r="R42" s="445">
        <v>47397</v>
      </c>
      <c r="S42" s="445"/>
      <c r="T42" s="445"/>
      <c r="U42" s="445"/>
      <c r="V42" s="445"/>
      <c r="W42" s="445"/>
      <c r="X42" s="445"/>
      <c r="Y42" s="445"/>
      <c r="Z42" s="443">
        <v>48015</v>
      </c>
      <c r="AA42" s="443"/>
      <c r="AB42" s="443"/>
      <c r="AC42" s="443"/>
      <c r="AD42" s="443"/>
      <c r="AE42" s="443"/>
      <c r="AF42" s="443"/>
      <c r="AG42" s="444"/>
      <c r="AH42" s="1"/>
    </row>
    <row r="43" spans="1:34" s="29" customFormat="1" ht="15" customHeight="1">
      <c r="A43" s="292"/>
      <c r="B43" s="270" t="s">
        <v>32</v>
      </c>
      <c r="C43" s="270"/>
      <c r="D43" s="268" t="s">
        <v>33</v>
      </c>
      <c r="E43" s="268"/>
      <c r="F43" s="268"/>
      <c r="G43" s="268"/>
      <c r="H43" s="268"/>
      <c r="I43" s="268"/>
      <c r="J43" s="339">
        <v>11596</v>
      </c>
      <c r="K43" s="339"/>
      <c r="L43" s="339"/>
      <c r="M43" s="339"/>
      <c r="N43" s="339"/>
      <c r="O43" s="339"/>
      <c r="P43" s="339"/>
      <c r="Q43" s="339"/>
      <c r="R43" s="339">
        <v>11996</v>
      </c>
      <c r="S43" s="339"/>
      <c r="T43" s="339"/>
      <c r="U43" s="339"/>
      <c r="V43" s="339"/>
      <c r="W43" s="339"/>
      <c r="X43" s="339"/>
      <c r="Y43" s="339"/>
      <c r="Z43" s="332">
        <v>12402</v>
      </c>
      <c r="AA43" s="332"/>
      <c r="AB43" s="332"/>
      <c r="AC43" s="332"/>
      <c r="AD43" s="332"/>
      <c r="AE43" s="332"/>
      <c r="AF43" s="332"/>
      <c r="AG43" s="333"/>
      <c r="AH43" s="1"/>
    </row>
    <row r="44" spans="1:34" s="29" customFormat="1" ht="15" customHeight="1">
      <c r="A44" s="293"/>
      <c r="B44" s="270"/>
      <c r="C44" s="270"/>
      <c r="D44" s="268" t="s">
        <v>34</v>
      </c>
      <c r="E44" s="268"/>
      <c r="F44" s="268"/>
      <c r="G44" s="268"/>
      <c r="H44" s="268"/>
      <c r="I44" s="268"/>
      <c r="J44" s="339">
        <v>8880</v>
      </c>
      <c r="K44" s="339"/>
      <c r="L44" s="339"/>
      <c r="M44" s="339"/>
      <c r="N44" s="339"/>
      <c r="O44" s="339"/>
      <c r="P44" s="339"/>
      <c r="Q44" s="339"/>
      <c r="R44" s="339">
        <v>8658</v>
      </c>
      <c r="S44" s="339"/>
      <c r="T44" s="339"/>
      <c r="U44" s="339"/>
      <c r="V44" s="339"/>
      <c r="W44" s="339"/>
      <c r="X44" s="339"/>
      <c r="Y44" s="339"/>
      <c r="Z44" s="332">
        <v>8595</v>
      </c>
      <c r="AA44" s="332"/>
      <c r="AB44" s="332"/>
      <c r="AC44" s="332"/>
      <c r="AD44" s="332"/>
      <c r="AE44" s="332"/>
      <c r="AF44" s="332"/>
      <c r="AG44" s="333"/>
      <c r="AH44" s="1"/>
    </row>
    <row r="45" spans="1:34" s="29" customFormat="1" ht="15" customHeight="1">
      <c r="A45" s="293"/>
      <c r="B45" s="269" t="s">
        <v>71</v>
      </c>
      <c r="C45" s="270"/>
      <c r="D45" s="268" t="s">
        <v>33</v>
      </c>
      <c r="E45" s="268"/>
      <c r="F45" s="268"/>
      <c r="G45" s="268"/>
      <c r="H45" s="268"/>
      <c r="I45" s="268"/>
      <c r="J45" s="339">
        <v>1142</v>
      </c>
      <c r="K45" s="339"/>
      <c r="L45" s="339"/>
      <c r="M45" s="339"/>
      <c r="N45" s="339"/>
      <c r="O45" s="339"/>
      <c r="P45" s="339"/>
      <c r="Q45" s="339"/>
      <c r="R45" s="339">
        <v>1175</v>
      </c>
      <c r="S45" s="339"/>
      <c r="T45" s="339"/>
      <c r="U45" s="339"/>
      <c r="V45" s="339"/>
      <c r="W45" s="339"/>
      <c r="X45" s="339"/>
      <c r="Y45" s="339"/>
      <c r="Z45" s="332">
        <v>1199</v>
      </c>
      <c r="AA45" s="332"/>
      <c r="AB45" s="332"/>
      <c r="AC45" s="332"/>
      <c r="AD45" s="332"/>
      <c r="AE45" s="332"/>
      <c r="AF45" s="332"/>
      <c r="AG45" s="333"/>
      <c r="AH45" s="1"/>
    </row>
    <row r="46" spans="1:34" s="29" customFormat="1" ht="15" customHeight="1">
      <c r="A46" s="293"/>
      <c r="B46" s="270"/>
      <c r="C46" s="270"/>
      <c r="D46" s="268" t="s">
        <v>34</v>
      </c>
      <c r="E46" s="268"/>
      <c r="F46" s="268"/>
      <c r="G46" s="268"/>
      <c r="H46" s="268"/>
      <c r="I46" s="268"/>
      <c r="J46" s="339">
        <v>1175</v>
      </c>
      <c r="K46" s="339"/>
      <c r="L46" s="339"/>
      <c r="M46" s="339"/>
      <c r="N46" s="339"/>
      <c r="O46" s="339"/>
      <c r="P46" s="339"/>
      <c r="Q46" s="339"/>
      <c r="R46" s="339">
        <v>1184</v>
      </c>
      <c r="S46" s="339"/>
      <c r="T46" s="339"/>
      <c r="U46" s="339"/>
      <c r="V46" s="339"/>
      <c r="W46" s="339"/>
      <c r="X46" s="339"/>
      <c r="Y46" s="339"/>
      <c r="Z46" s="332">
        <v>1217</v>
      </c>
      <c r="AA46" s="332"/>
      <c r="AB46" s="332"/>
      <c r="AC46" s="332"/>
      <c r="AD46" s="332"/>
      <c r="AE46" s="332"/>
      <c r="AF46" s="332"/>
      <c r="AG46" s="333"/>
      <c r="AH46" s="1"/>
    </row>
    <row r="47" spans="1:34" s="29" customFormat="1" ht="15" customHeight="1">
      <c r="A47" s="293"/>
      <c r="B47" s="270"/>
      <c r="C47" s="270"/>
      <c r="D47" s="268" t="s">
        <v>35</v>
      </c>
      <c r="E47" s="268"/>
      <c r="F47" s="268"/>
      <c r="G47" s="268"/>
      <c r="H47" s="268"/>
      <c r="I47" s="268"/>
      <c r="J47" s="339">
        <v>57</v>
      </c>
      <c r="K47" s="339"/>
      <c r="L47" s="339"/>
      <c r="M47" s="339"/>
      <c r="N47" s="339"/>
      <c r="O47" s="339"/>
      <c r="P47" s="339"/>
      <c r="Q47" s="339"/>
      <c r="R47" s="339">
        <v>52</v>
      </c>
      <c r="S47" s="339"/>
      <c r="T47" s="339"/>
      <c r="U47" s="339"/>
      <c r="V47" s="339"/>
      <c r="W47" s="339"/>
      <c r="X47" s="339"/>
      <c r="Y47" s="339"/>
      <c r="Z47" s="332">
        <v>52</v>
      </c>
      <c r="AA47" s="332"/>
      <c r="AB47" s="332"/>
      <c r="AC47" s="332"/>
      <c r="AD47" s="332"/>
      <c r="AE47" s="332"/>
      <c r="AF47" s="332"/>
      <c r="AG47" s="333"/>
      <c r="AH47" s="1"/>
    </row>
    <row r="48" spans="1:34" s="29" customFormat="1" ht="15" customHeight="1">
      <c r="A48" s="293"/>
      <c r="B48" s="268" t="s">
        <v>67</v>
      </c>
      <c r="C48" s="268"/>
      <c r="D48" s="268"/>
      <c r="E48" s="268"/>
      <c r="F48" s="268"/>
      <c r="G48" s="268"/>
      <c r="H48" s="268"/>
      <c r="I48" s="268"/>
      <c r="J48" s="339">
        <v>137</v>
      </c>
      <c r="K48" s="339"/>
      <c r="L48" s="339"/>
      <c r="M48" s="339"/>
      <c r="N48" s="339"/>
      <c r="O48" s="339"/>
      <c r="P48" s="339"/>
      <c r="Q48" s="339"/>
      <c r="R48" s="339">
        <v>141</v>
      </c>
      <c r="S48" s="339"/>
      <c r="T48" s="339"/>
      <c r="U48" s="339"/>
      <c r="V48" s="339"/>
      <c r="W48" s="339"/>
      <c r="X48" s="339"/>
      <c r="Y48" s="339"/>
      <c r="Z48" s="332">
        <v>138</v>
      </c>
      <c r="AA48" s="332"/>
      <c r="AB48" s="332"/>
      <c r="AC48" s="332"/>
      <c r="AD48" s="332"/>
      <c r="AE48" s="332"/>
      <c r="AF48" s="332"/>
      <c r="AG48" s="333"/>
      <c r="AH48" s="1"/>
    </row>
    <row r="49" spans="1:36" s="29" customFormat="1" ht="15" customHeight="1">
      <c r="A49" s="293"/>
      <c r="B49" s="430" t="s">
        <v>117</v>
      </c>
      <c r="C49" s="430"/>
      <c r="D49" s="430"/>
      <c r="E49" s="430"/>
      <c r="F49" s="430"/>
      <c r="G49" s="430"/>
      <c r="H49" s="430"/>
      <c r="I49" s="430"/>
      <c r="J49" s="339">
        <v>628</v>
      </c>
      <c r="K49" s="339"/>
      <c r="L49" s="339"/>
      <c r="M49" s="339"/>
      <c r="N49" s="339"/>
      <c r="O49" s="339"/>
      <c r="P49" s="339"/>
      <c r="Q49" s="339"/>
      <c r="R49" s="339">
        <v>642</v>
      </c>
      <c r="S49" s="339"/>
      <c r="T49" s="339"/>
      <c r="U49" s="339"/>
      <c r="V49" s="339"/>
      <c r="W49" s="339"/>
      <c r="X49" s="339"/>
      <c r="Y49" s="339"/>
      <c r="Z49" s="332">
        <v>652</v>
      </c>
      <c r="AA49" s="332"/>
      <c r="AB49" s="332"/>
      <c r="AC49" s="332"/>
      <c r="AD49" s="332"/>
      <c r="AE49" s="332"/>
      <c r="AF49" s="332"/>
      <c r="AG49" s="333"/>
      <c r="AH49" s="1"/>
      <c r="AJ49" s="45"/>
    </row>
    <row r="50" spans="1:36" s="29" customFormat="1" ht="15" customHeight="1">
      <c r="A50" s="293"/>
      <c r="B50" s="268" t="s">
        <v>36</v>
      </c>
      <c r="C50" s="268"/>
      <c r="D50" s="268"/>
      <c r="E50" s="268"/>
      <c r="F50" s="268"/>
      <c r="G50" s="268"/>
      <c r="H50" s="268"/>
      <c r="I50" s="268"/>
      <c r="J50" s="339">
        <v>39</v>
      </c>
      <c r="K50" s="339"/>
      <c r="L50" s="339"/>
      <c r="M50" s="339"/>
      <c r="N50" s="339"/>
      <c r="O50" s="339"/>
      <c r="P50" s="339"/>
      <c r="Q50" s="339"/>
      <c r="R50" s="339">
        <v>42</v>
      </c>
      <c r="S50" s="339"/>
      <c r="T50" s="339"/>
      <c r="U50" s="339"/>
      <c r="V50" s="339"/>
      <c r="W50" s="339"/>
      <c r="X50" s="339"/>
      <c r="Y50" s="339"/>
      <c r="Z50" s="332">
        <v>44</v>
      </c>
      <c r="AA50" s="332"/>
      <c r="AB50" s="332"/>
      <c r="AC50" s="332"/>
      <c r="AD50" s="332"/>
      <c r="AE50" s="332"/>
      <c r="AF50" s="332"/>
      <c r="AG50" s="333"/>
      <c r="AH50" s="1"/>
    </row>
    <row r="51" spans="1:36" s="29" customFormat="1" ht="15" customHeight="1">
      <c r="A51" s="293"/>
      <c r="B51" s="340" t="s">
        <v>70</v>
      </c>
      <c r="C51" s="340"/>
      <c r="D51" s="340"/>
      <c r="E51" s="340"/>
      <c r="F51" s="340"/>
      <c r="G51" s="340"/>
      <c r="H51" s="340"/>
      <c r="I51" s="340"/>
      <c r="J51" s="339">
        <v>14813</v>
      </c>
      <c r="K51" s="339"/>
      <c r="L51" s="339"/>
      <c r="M51" s="339"/>
      <c r="N51" s="339"/>
      <c r="O51" s="339"/>
      <c r="P51" s="339"/>
      <c r="Q51" s="339"/>
      <c r="R51" s="339">
        <v>14941</v>
      </c>
      <c r="S51" s="339"/>
      <c r="T51" s="339"/>
      <c r="U51" s="339"/>
      <c r="V51" s="339"/>
      <c r="W51" s="339"/>
      <c r="X51" s="339"/>
      <c r="Y51" s="339"/>
      <c r="Z51" s="332">
        <v>15147</v>
      </c>
      <c r="AA51" s="332"/>
      <c r="AB51" s="332"/>
      <c r="AC51" s="332"/>
      <c r="AD51" s="332"/>
      <c r="AE51" s="332"/>
      <c r="AF51" s="332"/>
      <c r="AG51" s="333"/>
      <c r="AH51" s="1"/>
    </row>
    <row r="52" spans="1:36" s="29" customFormat="1" ht="15" customHeight="1">
      <c r="A52" s="293"/>
      <c r="B52" s="341" t="s">
        <v>37</v>
      </c>
      <c r="C52" s="341"/>
      <c r="D52" s="341"/>
      <c r="E52" s="341"/>
      <c r="F52" s="341"/>
      <c r="G52" s="341"/>
      <c r="H52" s="341"/>
      <c r="I52" s="341"/>
      <c r="J52" s="339">
        <v>330</v>
      </c>
      <c r="K52" s="339"/>
      <c r="L52" s="339"/>
      <c r="M52" s="339"/>
      <c r="N52" s="339"/>
      <c r="O52" s="339"/>
      <c r="P52" s="339"/>
      <c r="Q52" s="339"/>
      <c r="R52" s="339">
        <v>337</v>
      </c>
      <c r="S52" s="339"/>
      <c r="T52" s="339"/>
      <c r="U52" s="339"/>
      <c r="V52" s="339"/>
      <c r="W52" s="339"/>
      <c r="X52" s="339"/>
      <c r="Y52" s="339"/>
      <c r="Z52" s="332">
        <v>356</v>
      </c>
      <c r="AA52" s="332"/>
      <c r="AB52" s="332"/>
      <c r="AC52" s="332"/>
      <c r="AD52" s="332"/>
      <c r="AE52" s="332"/>
      <c r="AF52" s="332"/>
      <c r="AG52" s="333"/>
      <c r="AH52" s="1"/>
    </row>
    <row r="53" spans="1:36" s="29" customFormat="1" ht="15" customHeight="1">
      <c r="A53" s="293"/>
      <c r="B53" s="342" t="s">
        <v>38</v>
      </c>
      <c r="C53" s="342"/>
      <c r="D53" s="341" t="s">
        <v>39</v>
      </c>
      <c r="E53" s="341"/>
      <c r="F53" s="341"/>
      <c r="G53" s="341"/>
      <c r="H53" s="341"/>
      <c r="I53" s="341"/>
      <c r="J53" s="339">
        <v>850</v>
      </c>
      <c r="K53" s="339"/>
      <c r="L53" s="339"/>
      <c r="M53" s="339"/>
      <c r="N53" s="339"/>
      <c r="O53" s="339"/>
      <c r="P53" s="339"/>
      <c r="Q53" s="339"/>
      <c r="R53" s="339">
        <v>865</v>
      </c>
      <c r="S53" s="339"/>
      <c r="T53" s="339"/>
      <c r="U53" s="339"/>
      <c r="V53" s="339"/>
      <c r="W53" s="339"/>
      <c r="X53" s="339"/>
      <c r="Y53" s="339"/>
      <c r="Z53" s="332">
        <v>888</v>
      </c>
      <c r="AA53" s="332"/>
      <c r="AB53" s="332"/>
      <c r="AC53" s="332"/>
      <c r="AD53" s="332"/>
      <c r="AE53" s="332"/>
      <c r="AF53" s="332"/>
      <c r="AG53" s="333"/>
      <c r="AH53" s="1"/>
    </row>
    <row r="54" spans="1:36" s="29" customFormat="1" ht="15" customHeight="1">
      <c r="A54" s="293"/>
      <c r="B54" s="342"/>
      <c r="C54" s="342"/>
      <c r="D54" s="268" t="s">
        <v>68</v>
      </c>
      <c r="E54" s="268"/>
      <c r="F54" s="268"/>
      <c r="G54" s="268"/>
      <c r="H54" s="268"/>
      <c r="I54" s="268"/>
      <c r="J54" s="339">
        <v>933</v>
      </c>
      <c r="K54" s="339"/>
      <c r="L54" s="339"/>
      <c r="M54" s="339"/>
      <c r="N54" s="339"/>
      <c r="O54" s="339"/>
      <c r="P54" s="339"/>
      <c r="Q54" s="339"/>
      <c r="R54" s="339">
        <v>953</v>
      </c>
      <c r="S54" s="339"/>
      <c r="T54" s="339"/>
      <c r="U54" s="339"/>
      <c r="V54" s="339"/>
      <c r="W54" s="339"/>
      <c r="X54" s="339"/>
      <c r="Y54" s="339"/>
      <c r="Z54" s="332">
        <v>955</v>
      </c>
      <c r="AA54" s="332"/>
      <c r="AB54" s="332"/>
      <c r="AC54" s="332"/>
      <c r="AD54" s="332"/>
      <c r="AE54" s="332"/>
      <c r="AF54" s="332"/>
      <c r="AG54" s="333"/>
      <c r="AH54" s="1"/>
    </row>
    <row r="55" spans="1:36" s="29" customFormat="1" ht="15" customHeight="1">
      <c r="A55" s="293"/>
      <c r="B55" s="342"/>
      <c r="C55" s="342"/>
      <c r="D55" s="268" t="s">
        <v>69</v>
      </c>
      <c r="E55" s="268"/>
      <c r="F55" s="268"/>
      <c r="G55" s="268"/>
      <c r="H55" s="268"/>
      <c r="I55" s="268"/>
      <c r="J55" s="339">
        <v>1850</v>
      </c>
      <c r="K55" s="339"/>
      <c r="L55" s="339"/>
      <c r="M55" s="339"/>
      <c r="N55" s="339"/>
      <c r="O55" s="339"/>
      <c r="P55" s="339"/>
      <c r="Q55" s="339"/>
      <c r="R55" s="339">
        <v>1890</v>
      </c>
      <c r="S55" s="339"/>
      <c r="T55" s="339"/>
      <c r="U55" s="339"/>
      <c r="V55" s="339"/>
      <c r="W55" s="339"/>
      <c r="X55" s="339"/>
      <c r="Y55" s="339"/>
      <c r="Z55" s="332">
        <v>1953</v>
      </c>
      <c r="AA55" s="332"/>
      <c r="AB55" s="332"/>
      <c r="AC55" s="332"/>
      <c r="AD55" s="332"/>
      <c r="AE55" s="332"/>
      <c r="AF55" s="332"/>
      <c r="AG55" s="333"/>
      <c r="AH55" s="1"/>
    </row>
    <row r="56" spans="1:36" s="29" customFormat="1" ht="15" customHeight="1">
      <c r="A56" s="294"/>
      <c r="B56" s="343"/>
      <c r="C56" s="343"/>
      <c r="D56" s="426" t="s">
        <v>40</v>
      </c>
      <c r="E56" s="426"/>
      <c r="F56" s="426"/>
      <c r="G56" s="426"/>
      <c r="H56" s="426"/>
      <c r="I56" s="426"/>
      <c r="J56" s="370">
        <v>4684</v>
      </c>
      <c r="K56" s="370"/>
      <c r="L56" s="370"/>
      <c r="M56" s="370"/>
      <c r="N56" s="370"/>
      <c r="O56" s="370"/>
      <c r="P56" s="370"/>
      <c r="Q56" s="370"/>
      <c r="R56" s="370">
        <v>4521</v>
      </c>
      <c r="S56" s="370"/>
      <c r="T56" s="370"/>
      <c r="U56" s="370"/>
      <c r="V56" s="370"/>
      <c r="W56" s="370"/>
      <c r="X56" s="370"/>
      <c r="Y56" s="370"/>
      <c r="Z56" s="437">
        <v>4417</v>
      </c>
      <c r="AA56" s="437"/>
      <c r="AB56" s="437"/>
      <c r="AC56" s="437"/>
      <c r="AD56" s="437"/>
      <c r="AE56" s="437"/>
      <c r="AF56" s="437"/>
      <c r="AG56" s="438"/>
      <c r="AH56" s="1"/>
    </row>
    <row r="57" spans="1:36" s="29" customFormat="1" ht="12.95" customHeight="1">
      <c r="A57" s="21"/>
      <c r="B57" s="19"/>
      <c r="C57" s="19"/>
      <c r="D57" s="19"/>
      <c r="E57" s="19"/>
      <c r="F57" s="19"/>
      <c r="G57" s="19"/>
      <c r="H57" s="19"/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2"/>
      <c r="T57" s="22"/>
      <c r="U57" s="22"/>
      <c r="V57" s="22"/>
      <c r="W57" s="22"/>
      <c r="X57" s="14"/>
      <c r="Y57" s="9"/>
      <c r="Z57" s="9"/>
      <c r="AA57" s="9"/>
      <c r="AB57" s="9"/>
      <c r="AC57" s="9"/>
      <c r="AD57" s="9"/>
      <c r="AE57" s="9"/>
      <c r="AF57" s="9"/>
      <c r="AG57" s="9" t="s">
        <v>41</v>
      </c>
      <c r="AH57" s="1"/>
    </row>
    <row r="58" spans="1:36" s="29" customFormat="1" ht="20.100000000000001" customHeight="1">
      <c r="A58" s="12" t="s">
        <v>65</v>
      </c>
      <c r="B58" s="16"/>
      <c r="C58" s="16"/>
      <c r="D58" s="16"/>
      <c r="E58" s="16"/>
      <c r="F58" s="16"/>
      <c r="G58" s="16"/>
      <c r="H58" s="16"/>
      <c r="I58" s="16"/>
      <c r="J58" s="16"/>
      <c r="K58" s="16"/>
      <c r="L58" s="16"/>
      <c r="M58" s="16"/>
      <c r="N58" s="16"/>
      <c r="O58" s="16"/>
      <c r="P58" s="16"/>
      <c r="Q58" s="16"/>
      <c r="R58" s="16"/>
      <c r="S58" s="16"/>
      <c r="T58" s="16"/>
      <c r="U58" s="16"/>
      <c r="V58" s="16"/>
      <c r="W58" s="16"/>
      <c r="X58" s="16"/>
      <c r="Y58" s="16"/>
      <c r="Z58" s="16"/>
      <c r="AA58" s="16"/>
      <c r="AB58" s="16"/>
      <c r="AC58" s="16"/>
      <c r="AD58" s="16"/>
      <c r="AE58" s="16"/>
      <c r="AF58" s="6"/>
      <c r="AG58" s="16"/>
      <c r="AH58" s="16"/>
    </row>
    <row r="59" spans="1:36" s="29" customFormat="1" ht="15.95" customHeight="1">
      <c r="A59" s="16"/>
      <c r="B59" s="16" t="s">
        <v>196</v>
      </c>
    </row>
    <row r="60" spans="1:36" s="29" customFormat="1" ht="13.5" customHeight="1">
      <c r="A60" s="154" t="s">
        <v>4</v>
      </c>
      <c r="B60" s="155"/>
      <c r="C60" s="155"/>
      <c r="D60" s="155"/>
      <c r="E60" s="155"/>
      <c r="F60" s="155"/>
      <c r="G60" s="156"/>
      <c r="H60" s="419" t="s">
        <v>24</v>
      </c>
      <c r="I60" s="419"/>
      <c r="J60" s="419"/>
      <c r="K60" s="419"/>
      <c r="L60" s="419"/>
      <c r="M60" s="419"/>
      <c r="N60" s="420"/>
      <c r="O60" s="471" t="s">
        <v>59</v>
      </c>
      <c r="P60" s="419"/>
      <c r="Q60" s="419"/>
      <c r="R60" s="419"/>
      <c r="S60" s="419"/>
      <c r="T60" s="419"/>
      <c r="U60" s="419"/>
      <c r="V60" s="419"/>
      <c r="W60" s="419"/>
      <c r="X60" s="420"/>
      <c r="Y60" s="475" t="s">
        <v>132</v>
      </c>
      <c r="Z60" s="476"/>
      <c r="AA60" s="476"/>
      <c r="AB60" s="476"/>
      <c r="AC60" s="476"/>
      <c r="AD60" s="476"/>
      <c r="AE60" s="476"/>
      <c r="AF60" s="476"/>
      <c r="AG60" s="477"/>
    </row>
    <row r="61" spans="1:36" s="29" customFormat="1" ht="13.5">
      <c r="A61" s="447"/>
      <c r="B61" s="380"/>
      <c r="C61" s="380"/>
      <c r="D61" s="380"/>
      <c r="E61" s="380"/>
      <c r="F61" s="380"/>
      <c r="G61" s="381"/>
      <c r="H61" s="421"/>
      <c r="I61" s="421"/>
      <c r="J61" s="421"/>
      <c r="K61" s="421"/>
      <c r="L61" s="421"/>
      <c r="M61" s="421"/>
      <c r="N61" s="422"/>
      <c r="O61" s="472"/>
      <c r="P61" s="473"/>
      <c r="Q61" s="473"/>
      <c r="R61" s="473"/>
      <c r="S61" s="473"/>
      <c r="T61" s="473"/>
      <c r="U61" s="473"/>
      <c r="V61" s="473"/>
      <c r="W61" s="473"/>
      <c r="X61" s="474"/>
      <c r="Y61" s="478" t="s">
        <v>96</v>
      </c>
      <c r="Z61" s="479"/>
      <c r="AA61" s="480"/>
      <c r="AB61" s="484" t="s">
        <v>56</v>
      </c>
      <c r="AC61" s="485"/>
      <c r="AD61" s="486"/>
      <c r="AE61" s="484" t="s">
        <v>133</v>
      </c>
      <c r="AF61" s="485"/>
      <c r="AG61" s="486"/>
    </row>
    <row r="62" spans="1:36" s="29" customFormat="1" ht="13.5">
      <c r="A62" s="448" t="s">
        <v>25</v>
      </c>
      <c r="B62" s="449"/>
      <c r="C62" s="449"/>
      <c r="D62" s="449"/>
      <c r="E62" s="449"/>
      <c r="F62" s="449"/>
      <c r="G62" s="450"/>
      <c r="H62" s="421"/>
      <c r="I62" s="421"/>
      <c r="J62" s="421"/>
      <c r="K62" s="421"/>
      <c r="L62" s="421"/>
      <c r="M62" s="421"/>
      <c r="N62" s="422"/>
      <c r="O62" s="214" t="s">
        <v>60</v>
      </c>
      <c r="P62" s="490"/>
      <c r="Q62" s="490"/>
      <c r="R62" s="490"/>
      <c r="S62" s="222"/>
      <c r="T62" s="214" t="s">
        <v>61</v>
      </c>
      <c r="U62" s="490"/>
      <c r="V62" s="490"/>
      <c r="W62" s="490"/>
      <c r="X62" s="222"/>
      <c r="Y62" s="481"/>
      <c r="Z62" s="482"/>
      <c r="AA62" s="483"/>
      <c r="AB62" s="487"/>
      <c r="AC62" s="488"/>
      <c r="AD62" s="489"/>
      <c r="AE62" s="487"/>
      <c r="AF62" s="488"/>
      <c r="AG62" s="489"/>
    </row>
    <row r="63" spans="1:36" s="58" customFormat="1" ht="13.5" customHeight="1">
      <c r="A63" s="79"/>
      <c r="B63" s="80"/>
      <c r="C63" s="80"/>
      <c r="D63" s="80"/>
      <c r="E63" s="80"/>
      <c r="F63" s="80"/>
      <c r="G63" s="81"/>
      <c r="H63" s="423"/>
      <c r="I63" s="424"/>
      <c r="J63" s="424"/>
      <c r="K63" s="424"/>
      <c r="L63" s="424"/>
      <c r="M63" s="424"/>
      <c r="N63" s="425"/>
      <c r="O63" s="416"/>
      <c r="P63" s="417"/>
      <c r="Q63" s="417"/>
      <c r="R63" s="417"/>
      <c r="S63" s="418"/>
      <c r="T63" s="416"/>
      <c r="U63" s="417"/>
      <c r="V63" s="417"/>
      <c r="W63" s="417"/>
      <c r="X63" s="418"/>
      <c r="Y63" s="412"/>
      <c r="Z63" s="412"/>
      <c r="AA63" s="412"/>
      <c r="AB63" s="412"/>
      <c r="AC63" s="412"/>
      <c r="AD63" s="412"/>
      <c r="AE63" s="412"/>
      <c r="AF63" s="412"/>
      <c r="AG63" s="412"/>
    </row>
    <row r="64" spans="1:36" s="58" customFormat="1" ht="13.5" customHeight="1">
      <c r="A64" s="491" t="s">
        <v>134</v>
      </c>
      <c r="B64" s="492"/>
      <c r="C64" s="492"/>
      <c r="D64" s="492"/>
      <c r="E64" s="492"/>
      <c r="F64" s="492"/>
      <c r="G64" s="493"/>
      <c r="H64" s="132" t="s">
        <v>135</v>
      </c>
      <c r="I64" s="133"/>
      <c r="J64" s="133"/>
      <c r="K64" s="133"/>
      <c r="L64" s="133"/>
      <c r="M64" s="133"/>
      <c r="N64" s="134"/>
      <c r="O64" s="132" t="s">
        <v>136</v>
      </c>
      <c r="P64" s="133"/>
      <c r="Q64" s="133"/>
      <c r="R64" s="133"/>
      <c r="S64" s="134"/>
      <c r="T64" s="138" t="s">
        <v>137</v>
      </c>
      <c r="U64" s="136"/>
      <c r="V64" s="136"/>
      <c r="W64" s="136"/>
      <c r="X64" s="137"/>
      <c r="Y64" s="413">
        <v>33743</v>
      </c>
      <c r="Z64" s="414"/>
      <c r="AA64" s="415"/>
      <c r="AB64" s="413">
        <v>12327</v>
      </c>
      <c r="AC64" s="414"/>
      <c r="AD64" s="415"/>
      <c r="AE64" s="142">
        <v>46070</v>
      </c>
      <c r="AF64" s="142"/>
      <c r="AG64" s="142"/>
    </row>
    <row r="65" spans="1:33" s="58" customFormat="1" ht="13.5" customHeight="1">
      <c r="A65" s="491"/>
      <c r="B65" s="492"/>
      <c r="C65" s="492"/>
      <c r="D65" s="492"/>
      <c r="E65" s="492"/>
      <c r="F65" s="492"/>
      <c r="G65" s="493"/>
      <c r="H65" s="85"/>
      <c r="I65" s="83"/>
      <c r="J65" s="83"/>
      <c r="K65" s="83"/>
      <c r="L65" s="83"/>
      <c r="M65" s="83"/>
      <c r="N65" s="84"/>
      <c r="O65" s="85"/>
      <c r="P65" s="83"/>
      <c r="Q65" s="83"/>
      <c r="R65" s="83"/>
      <c r="S65" s="84"/>
      <c r="T65" s="86"/>
      <c r="U65" s="87"/>
      <c r="V65" s="87"/>
      <c r="W65" s="87"/>
      <c r="X65" s="88"/>
      <c r="Y65" s="413"/>
      <c r="Z65" s="414"/>
      <c r="AA65" s="415"/>
      <c r="AB65" s="142"/>
      <c r="AC65" s="142"/>
      <c r="AD65" s="142"/>
      <c r="AE65" s="142"/>
      <c r="AF65" s="142"/>
      <c r="AG65" s="142"/>
    </row>
    <row r="66" spans="1:33" s="58" customFormat="1" ht="13.5" customHeight="1">
      <c r="A66" s="491"/>
      <c r="B66" s="492"/>
      <c r="C66" s="492"/>
      <c r="D66" s="492"/>
      <c r="E66" s="492"/>
      <c r="F66" s="492"/>
      <c r="G66" s="493"/>
      <c r="H66" s="132" t="s">
        <v>138</v>
      </c>
      <c r="I66" s="133"/>
      <c r="J66" s="133"/>
      <c r="K66" s="133"/>
      <c r="L66" s="133"/>
      <c r="M66" s="133"/>
      <c r="N66" s="134"/>
      <c r="O66" s="132" t="s">
        <v>139</v>
      </c>
      <c r="P66" s="133"/>
      <c r="Q66" s="133"/>
      <c r="R66" s="133"/>
      <c r="S66" s="134"/>
      <c r="T66" s="135" t="s">
        <v>140</v>
      </c>
      <c r="U66" s="427"/>
      <c r="V66" s="427"/>
      <c r="W66" s="427"/>
      <c r="X66" s="428"/>
      <c r="Y66" s="413">
        <v>36860</v>
      </c>
      <c r="Z66" s="414"/>
      <c r="AA66" s="415"/>
      <c r="AB66" s="142">
        <v>14376</v>
      </c>
      <c r="AC66" s="142"/>
      <c r="AD66" s="142"/>
      <c r="AE66" s="142">
        <v>51236</v>
      </c>
      <c r="AF66" s="142"/>
      <c r="AG66" s="142"/>
    </row>
    <row r="67" spans="1:33" s="58" customFormat="1" ht="13.5" customHeight="1">
      <c r="A67" s="494"/>
      <c r="B67" s="495"/>
      <c r="C67" s="495"/>
      <c r="D67" s="495"/>
      <c r="E67" s="495"/>
      <c r="F67" s="495"/>
      <c r="G67" s="496"/>
      <c r="H67" s="73"/>
      <c r="I67" s="74"/>
      <c r="J67" s="74"/>
      <c r="K67" s="74"/>
      <c r="L67" s="74"/>
      <c r="M67" s="74"/>
      <c r="N67" s="75"/>
      <c r="O67" s="90"/>
      <c r="P67" s="91"/>
      <c r="Q67" s="91"/>
      <c r="R67" s="91"/>
      <c r="S67" s="92"/>
      <c r="T67" s="76"/>
      <c r="U67" s="77"/>
      <c r="V67" s="77"/>
      <c r="W67" s="77"/>
      <c r="X67" s="78"/>
      <c r="Y67" s="367"/>
      <c r="Z67" s="368"/>
      <c r="AA67" s="369"/>
      <c r="AB67" s="143"/>
      <c r="AC67" s="143"/>
      <c r="AD67" s="143"/>
      <c r="AE67" s="143"/>
      <c r="AF67" s="143"/>
      <c r="AG67" s="143"/>
    </row>
    <row r="68" spans="1:33" s="58" customFormat="1" ht="13.5" customHeight="1">
      <c r="A68" s="497" t="s">
        <v>141</v>
      </c>
      <c r="B68" s="498"/>
      <c r="C68" s="498"/>
      <c r="D68" s="498"/>
      <c r="E68" s="498"/>
      <c r="F68" s="498"/>
      <c r="G68" s="499"/>
      <c r="H68" s="506"/>
      <c r="I68" s="145"/>
      <c r="J68" s="145"/>
      <c r="K68" s="145"/>
      <c r="L68" s="145"/>
      <c r="M68" s="145"/>
      <c r="N68" s="146"/>
      <c r="O68" s="416"/>
      <c r="P68" s="417"/>
      <c r="Q68" s="417"/>
      <c r="R68" s="417"/>
      <c r="S68" s="418"/>
      <c r="T68" s="416"/>
      <c r="U68" s="417"/>
      <c r="V68" s="417"/>
      <c r="W68" s="417"/>
      <c r="X68" s="418"/>
      <c r="Y68" s="313"/>
      <c r="Z68" s="314"/>
      <c r="AA68" s="315"/>
      <c r="AB68" s="142"/>
      <c r="AC68" s="142"/>
      <c r="AD68" s="142"/>
      <c r="AE68" s="142"/>
      <c r="AF68" s="142"/>
      <c r="AG68" s="142"/>
    </row>
    <row r="69" spans="1:33" s="58" customFormat="1" ht="13.5" customHeight="1">
      <c r="A69" s="500"/>
      <c r="B69" s="501"/>
      <c r="C69" s="501"/>
      <c r="D69" s="501"/>
      <c r="E69" s="501"/>
      <c r="F69" s="501"/>
      <c r="G69" s="502"/>
      <c r="H69" s="132" t="s">
        <v>93</v>
      </c>
      <c r="I69" s="133"/>
      <c r="J69" s="133"/>
      <c r="K69" s="133"/>
      <c r="L69" s="133"/>
      <c r="M69" s="133"/>
      <c r="N69" s="134"/>
      <c r="O69" s="132" t="s">
        <v>142</v>
      </c>
      <c r="P69" s="133"/>
      <c r="Q69" s="133"/>
      <c r="R69" s="133"/>
      <c r="S69" s="134"/>
      <c r="T69" s="132" t="s">
        <v>143</v>
      </c>
      <c r="U69" s="133"/>
      <c r="V69" s="133"/>
      <c r="W69" s="133"/>
      <c r="X69" s="134"/>
      <c r="Y69" s="413">
        <v>7056</v>
      </c>
      <c r="Z69" s="414"/>
      <c r="AA69" s="415"/>
      <c r="AB69" s="142">
        <v>1752</v>
      </c>
      <c r="AC69" s="142"/>
      <c r="AD69" s="142"/>
      <c r="AE69" s="142">
        <v>8808</v>
      </c>
      <c r="AF69" s="142"/>
      <c r="AG69" s="142"/>
    </row>
    <row r="70" spans="1:33" s="58" customFormat="1" ht="13.5" customHeight="1">
      <c r="A70" s="503"/>
      <c r="B70" s="504"/>
      <c r="C70" s="504"/>
      <c r="D70" s="504"/>
      <c r="E70" s="504"/>
      <c r="F70" s="504"/>
      <c r="G70" s="505"/>
      <c r="H70" s="74"/>
      <c r="I70" s="74"/>
      <c r="J70" s="74"/>
      <c r="K70" s="74"/>
      <c r="L70" s="74"/>
      <c r="M70" s="74"/>
      <c r="N70" s="74"/>
      <c r="O70" s="73"/>
      <c r="P70" s="74"/>
      <c r="Q70" s="74"/>
      <c r="R70" s="74"/>
      <c r="S70" s="75"/>
      <c r="T70" s="73"/>
      <c r="U70" s="74"/>
      <c r="V70" s="74"/>
      <c r="W70" s="74"/>
      <c r="X70" s="75"/>
      <c r="Y70" s="143"/>
      <c r="Z70" s="143"/>
      <c r="AA70" s="143"/>
      <c r="AB70" s="143"/>
      <c r="AC70" s="143"/>
      <c r="AD70" s="143"/>
      <c r="AE70" s="143"/>
      <c r="AF70" s="143"/>
      <c r="AG70" s="143"/>
    </row>
    <row r="71" spans="1:33" s="58" customFormat="1" ht="13.5" customHeight="1">
      <c r="A71" s="79"/>
      <c r="B71" s="80"/>
      <c r="C71" s="80"/>
      <c r="D71" s="80"/>
      <c r="E71" s="80"/>
      <c r="F71" s="80"/>
      <c r="G71" s="81"/>
      <c r="H71" s="417"/>
      <c r="I71" s="417"/>
      <c r="J71" s="417"/>
      <c r="K71" s="417"/>
      <c r="L71" s="417"/>
      <c r="M71" s="417"/>
      <c r="N71" s="418"/>
      <c r="O71" s="462"/>
      <c r="P71" s="463"/>
      <c r="Q71" s="463"/>
      <c r="R71" s="463"/>
      <c r="S71" s="464"/>
      <c r="T71" s="462"/>
      <c r="U71" s="463"/>
      <c r="V71" s="463"/>
      <c r="W71" s="463"/>
      <c r="X71" s="464"/>
      <c r="Y71" s="142"/>
      <c r="Z71" s="142"/>
      <c r="AA71" s="142"/>
      <c r="AB71" s="142"/>
      <c r="AC71" s="142"/>
      <c r="AD71" s="142"/>
      <c r="AE71" s="142"/>
      <c r="AF71" s="142"/>
      <c r="AG71" s="142"/>
    </row>
    <row r="72" spans="1:33" s="58" customFormat="1" ht="13.5" customHeight="1">
      <c r="A72" s="491" t="s">
        <v>195</v>
      </c>
      <c r="B72" s="492"/>
      <c r="C72" s="492"/>
      <c r="D72" s="492"/>
      <c r="E72" s="492"/>
      <c r="F72" s="492"/>
      <c r="G72" s="493"/>
      <c r="H72" s="132" t="s">
        <v>144</v>
      </c>
      <c r="I72" s="133"/>
      <c r="J72" s="133"/>
      <c r="K72" s="133"/>
      <c r="L72" s="133"/>
      <c r="M72" s="133"/>
      <c r="N72" s="134"/>
      <c r="O72" s="132" t="s">
        <v>145</v>
      </c>
      <c r="P72" s="133"/>
      <c r="Q72" s="133"/>
      <c r="R72" s="133"/>
      <c r="S72" s="134"/>
      <c r="T72" s="132" t="s">
        <v>146</v>
      </c>
      <c r="U72" s="133"/>
      <c r="V72" s="133"/>
      <c r="W72" s="133"/>
      <c r="X72" s="134"/>
      <c r="Y72" s="142">
        <v>17028</v>
      </c>
      <c r="Z72" s="142"/>
      <c r="AA72" s="142"/>
      <c r="AB72" s="142">
        <v>3434</v>
      </c>
      <c r="AC72" s="142"/>
      <c r="AD72" s="142"/>
      <c r="AE72" s="142">
        <v>20462</v>
      </c>
      <c r="AF72" s="142"/>
      <c r="AG72" s="142"/>
    </row>
    <row r="73" spans="1:33" s="58" customFormat="1" ht="13.5" customHeight="1">
      <c r="A73" s="491"/>
      <c r="B73" s="492"/>
      <c r="C73" s="492"/>
      <c r="D73" s="492"/>
      <c r="E73" s="492"/>
      <c r="F73" s="492"/>
      <c r="G73" s="493"/>
      <c r="H73" s="93"/>
      <c r="I73" s="93"/>
      <c r="J73" s="93"/>
      <c r="K73" s="93"/>
      <c r="L73" s="93"/>
      <c r="M73" s="93"/>
      <c r="N73" s="94"/>
      <c r="O73" s="82"/>
      <c r="P73" s="93"/>
      <c r="Q73" s="93"/>
      <c r="R73" s="93"/>
      <c r="S73" s="94"/>
      <c r="T73" s="82"/>
      <c r="U73" s="93"/>
      <c r="V73" s="93"/>
      <c r="W73" s="93"/>
      <c r="X73" s="94"/>
      <c r="Y73" s="142"/>
      <c r="Z73" s="142"/>
      <c r="AA73" s="142"/>
      <c r="AB73" s="142"/>
      <c r="AC73" s="142"/>
      <c r="AD73" s="142"/>
      <c r="AE73" s="142"/>
      <c r="AF73" s="142"/>
      <c r="AG73" s="142"/>
    </row>
    <row r="74" spans="1:33" s="58" customFormat="1" ht="13.5" customHeight="1">
      <c r="A74" s="491"/>
      <c r="B74" s="492"/>
      <c r="C74" s="492"/>
      <c r="D74" s="492"/>
      <c r="E74" s="492"/>
      <c r="F74" s="492"/>
      <c r="G74" s="493"/>
      <c r="H74" s="132" t="s">
        <v>147</v>
      </c>
      <c r="I74" s="133"/>
      <c r="J74" s="133"/>
      <c r="K74" s="133"/>
      <c r="L74" s="133"/>
      <c r="M74" s="133"/>
      <c r="N74" s="134"/>
      <c r="O74" s="132" t="s">
        <v>146</v>
      </c>
      <c r="P74" s="133"/>
      <c r="Q74" s="133"/>
      <c r="R74" s="133"/>
      <c r="S74" s="134"/>
      <c r="T74" s="132" t="s">
        <v>148</v>
      </c>
      <c r="U74" s="133"/>
      <c r="V74" s="133"/>
      <c r="W74" s="133"/>
      <c r="X74" s="134"/>
      <c r="Y74" s="142">
        <v>11755</v>
      </c>
      <c r="Z74" s="142"/>
      <c r="AA74" s="142"/>
      <c r="AB74" s="142">
        <v>3042</v>
      </c>
      <c r="AC74" s="142"/>
      <c r="AD74" s="142"/>
      <c r="AE74" s="142">
        <v>14797</v>
      </c>
      <c r="AF74" s="142"/>
      <c r="AG74" s="142"/>
    </row>
    <row r="75" spans="1:33" s="58" customFormat="1" ht="13.5" customHeight="1">
      <c r="A75" s="491"/>
      <c r="B75" s="492"/>
      <c r="C75" s="492"/>
      <c r="D75" s="492"/>
      <c r="E75" s="492"/>
      <c r="F75" s="492"/>
      <c r="G75" s="493"/>
      <c r="H75" s="93"/>
      <c r="I75" s="93"/>
      <c r="J75" s="93"/>
      <c r="K75" s="93"/>
      <c r="L75" s="93"/>
      <c r="M75" s="93"/>
      <c r="N75" s="94"/>
      <c r="O75" s="82"/>
      <c r="P75" s="93"/>
      <c r="Q75" s="93"/>
      <c r="R75" s="93"/>
      <c r="S75" s="94"/>
      <c r="T75" s="82"/>
      <c r="U75" s="93"/>
      <c r="V75" s="93"/>
      <c r="W75" s="93"/>
      <c r="X75" s="94"/>
      <c r="Y75" s="142"/>
      <c r="Z75" s="142"/>
      <c r="AA75" s="142"/>
      <c r="AB75" s="142"/>
      <c r="AC75" s="142"/>
      <c r="AD75" s="142"/>
      <c r="AE75" s="142"/>
      <c r="AF75" s="142"/>
      <c r="AG75" s="142"/>
    </row>
    <row r="76" spans="1:33" s="29" customFormat="1" ht="13.5" customHeight="1">
      <c r="A76" s="491"/>
      <c r="B76" s="492"/>
      <c r="C76" s="492"/>
      <c r="D76" s="492"/>
      <c r="E76" s="492"/>
      <c r="F76" s="492"/>
      <c r="G76" s="493"/>
      <c r="H76" s="132" t="s">
        <v>149</v>
      </c>
      <c r="I76" s="133"/>
      <c r="J76" s="133"/>
      <c r="K76" s="133"/>
      <c r="L76" s="133"/>
      <c r="M76" s="133"/>
      <c r="N76" s="134"/>
      <c r="O76" s="132" t="s">
        <v>148</v>
      </c>
      <c r="P76" s="133"/>
      <c r="Q76" s="133"/>
      <c r="R76" s="133"/>
      <c r="S76" s="134"/>
      <c r="T76" s="132" t="s">
        <v>150</v>
      </c>
      <c r="U76" s="133"/>
      <c r="V76" s="133"/>
      <c r="W76" s="133"/>
      <c r="X76" s="134"/>
      <c r="Y76" s="142">
        <v>11247</v>
      </c>
      <c r="Z76" s="142"/>
      <c r="AA76" s="142"/>
      <c r="AB76" s="142">
        <v>2698</v>
      </c>
      <c r="AC76" s="142"/>
      <c r="AD76" s="142"/>
      <c r="AE76" s="142">
        <v>13945</v>
      </c>
      <c r="AF76" s="142"/>
      <c r="AG76" s="142"/>
    </row>
    <row r="77" spans="1:33" s="29" customFormat="1" ht="13.5" customHeight="1">
      <c r="A77" s="494"/>
      <c r="B77" s="495"/>
      <c r="C77" s="495"/>
      <c r="D77" s="495"/>
      <c r="E77" s="495"/>
      <c r="F77" s="495"/>
      <c r="G77" s="496"/>
      <c r="H77" s="95"/>
      <c r="I77" s="95"/>
      <c r="J77" s="95"/>
      <c r="K77" s="95"/>
      <c r="L77" s="95"/>
      <c r="M77" s="95"/>
      <c r="N77" s="96"/>
      <c r="O77" s="97"/>
      <c r="P77" s="95"/>
      <c r="Q77" s="95"/>
      <c r="R77" s="95"/>
      <c r="S77" s="96"/>
      <c r="T77" s="97"/>
      <c r="U77" s="95"/>
      <c r="V77" s="95"/>
      <c r="W77" s="95"/>
      <c r="X77" s="96"/>
      <c r="Y77" s="143"/>
      <c r="Z77" s="143"/>
      <c r="AA77" s="143"/>
      <c r="AB77" s="143"/>
      <c r="AC77" s="143"/>
      <c r="AD77" s="143"/>
      <c r="AE77" s="143"/>
      <c r="AF77" s="143"/>
      <c r="AG77" s="143"/>
    </row>
    <row r="78" spans="1:33" s="29" customFormat="1" ht="13.5" customHeight="1">
      <c r="A78" s="98"/>
      <c r="B78" s="99"/>
      <c r="C78" s="99"/>
      <c r="D78" s="99"/>
      <c r="E78" s="99"/>
      <c r="F78" s="99"/>
      <c r="G78" s="100"/>
      <c r="H78" s="138"/>
      <c r="I78" s="136"/>
      <c r="J78" s="136"/>
      <c r="K78" s="136"/>
      <c r="L78" s="136"/>
      <c r="M78" s="136"/>
      <c r="N78" s="137"/>
      <c r="O78" s="462"/>
      <c r="P78" s="463"/>
      <c r="Q78" s="463"/>
      <c r="R78" s="463"/>
      <c r="S78" s="464"/>
      <c r="T78" s="462"/>
      <c r="U78" s="463"/>
      <c r="V78" s="463"/>
      <c r="W78" s="463"/>
      <c r="X78" s="464"/>
      <c r="Y78" s="142"/>
      <c r="Z78" s="142"/>
      <c r="AA78" s="142"/>
      <c r="AB78" s="142"/>
      <c r="AC78" s="142"/>
      <c r="AD78" s="142"/>
      <c r="AE78" s="142"/>
      <c r="AF78" s="142"/>
      <c r="AG78" s="142"/>
    </row>
    <row r="79" spans="1:33" s="29" customFormat="1" ht="13.5" customHeight="1">
      <c r="A79" s="507" t="s">
        <v>151</v>
      </c>
      <c r="B79" s="508"/>
      <c r="C79" s="508"/>
      <c r="D79" s="508"/>
      <c r="E79" s="508"/>
      <c r="F79" s="508"/>
      <c r="G79" s="509"/>
      <c r="H79" s="132" t="s">
        <v>62</v>
      </c>
      <c r="I79" s="133"/>
      <c r="J79" s="133"/>
      <c r="K79" s="133"/>
      <c r="L79" s="133"/>
      <c r="M79" s="133"/>
      <c r="N79" s="134"/>
      <c r="O79" s="132" t="s">
        <v>152</v>
      </c>
      <c r="P79" s="133"/>
      <c r="Q79" s="133"/>
      <c r="R79" s="133"/>
      <c r="S79" s="134"/>
      <c r="T79" s="132" t="s">
        <v>153</v>
      </c>
      <c r="U79" s="133"/>
      <c r="V79" s="133"/>
      <c r="W79" s="133"/>
      <c r="X79" s="134"/>
      <c r="Y79" s="142">
        <v>9861</v>
      </c>
      <c r="Z79" s="142"/>
      <c r="AA79" s="142"/>
      <c r="AB79" s="142">
        <v>3471</v>
      </c>
      <c r="AC79" s="142"/>
      <c r="AD79" s="142"/>
      <c r="AE79" s="142">
        <v>13332</v>
      </c>
      <c r="AF79" s="142"/>
      <c r="AG79" s="142"/>
    </row>
    <row r="80" spans="1:33" s="29" customFormat="1" ht="13.5" customHeight="1">
      <c r="A80" s="507"/>
      <c r="B80" s="508"/>
      <c r="C80" s="508"/>
      <c r="D80" s="508"/>
      <c r="E80" s="508"/>
      <c r="F80" s="508"/>
      <c r="G80" s="509"/>
      <c r="H80" s="93"/>
      <c r="I80" s="93"/>
      <c r="J80" s="93"/>
      <c r="K80" s="93"/>
      <c r="L80" s="93"/>
      <c r="M80" s="93"/>
      <c r="N80" s="94"/>
      <c r="O80" s="82"/>
      <c r="P80" s="93"/>
      <c r="Q80" s="93"/>
      <c r="R80" s="93"/>
      <c r="S80" s="94"/>
      <c r="T80" s="135" t="s">
        <v>193</v>
      </c>
      <c r="U80" s="136"/>
      <c r="V80" s="136"/>
      <c r="W80" s="136"/>
      <c r="X80" s="137"/>
      <c r="Y80" s="142"/>
      <c r="Z80" s="142"/>
      <c r="AA80" s="142"/>
      <c r="AB80" s="142"/>
      <c r="AC80" s="142"/>
      <c r="AD80" s="142"/>
      <c r="AE80" s="142"/>
      <c r="AF80" s="142"/>
      <c r="AG80" s="142"/>
    </row>
    <row r="81" spans="1:33" s="47" customFormat="1" ht="13.5" customHeight="1">
      <c r="A81" s="507"/>
      <c r="B81" s="508"/>
      <c r="C81" s="508"/>
      <c r="D81" s="508"/>
      <c r="E81" s="508"/>
      <c r="F81" s="508"/>
      <c r="G81" s="509"/>
      <c r="H81" s="132" t="s">
        <v>154</v>
      </c>
      <c r="I81" s="133"/>
      <c r="J81" s="133"/>
      <c r="K81" s="133"/>
      <c r="L81" s="133"/>
      <c r="M81" s="133"/>
      <c r="N81" s="134"/>
      <c r="O81" s="132" t="s">
        <v>153</v>
      </c>
      <c r="P81" s="133"/>
      <c r="Q81" s="133"/>
      <c r="R81" s="133"/>
      <c r="S81" s="134"/>
      <c r="T81" s="138"/>
      <c r="U81" s="136"/>
      <c r="V81" s="136"/>
      <c r="W81" s="136"/>
      <c r="X81" s="137"/>
      <c r="Y81" s="429">
        <v>9091</v>
      </c>
      <c r="Z81" s="429"/>
      <c r="AA81" s="429"/>
      <c r="AB81" s="429">
        <v>3535</v>
      </c>
      <c r="AC81" s="429"/>
      <c r="AD81" s="429"/>
      <c r="AE81" s="429">
        <v>12626</v>
      </c>
      <c r="AF81" s="429"/>
      <c r="AG81" s="429"/>
    </row>
    <row r="82" spans="1:33" s="29" customFormat="1" ht="13.5" customHeight="1">
      <c r="A82" s="510"/>
      <c r="B82" s="511"/>
      <c r="C82" s="511"/>
      <c r="D82" s="511"/>
      <c r="E82" s="511"/>
      <c r="F82" s="511"/>
      <c r="G82" s="512"/>
      <c r="H82" s="95"/>
      <c r="I82" s="95"/>
      <c r="J82" s="95"/>
      <c r="K82" s="95"/>
      <c r="L82" s="95"/>
      <c r="M82" s="95"/>
      <c r="N82" s="96"/>
      <c r="O82" s="97"/>
      <c r="P82" s="95"/>
      <c r="Q82" s="95"/>
      <c r="R82" s="95"/>
      <c r="S82" s="96"/>
      <c r="T82" s="139"/>
      <c r="U82" s="140"/>
      <c r="V82" s="140"/>
      <c r="W82" s="140"/>
      <c r="X82" s="141"/>
      <c r="Y82" s="143"/>
      <c r="Z82" s="143"/>
      <c r="AA82" s="143"/>
      <c r="AB82" s="143"/>
      <c r="AC82" s="143"/>
      <c r="AD82" s="143"/>
      <c r="AE82" s="143"/>
      <c r="AF82" s="143"/>
      <c r="AG82" s="143"/>
    </row>
    <row r="83" spans="1:33" s="29" customFormat="1" ht="13.5" customHeight="1">
      <c r="A83" s="348"/>
      <c r="B83" s="277"/>
      <c r="C83" s="277"/>
      <c r="D83" s="277"/>
      <c r="E83" s="277"/>
      <c r="F83" s="277"/>
      <c r="G83" s="278"/>
      <c r="H83" s="70"/>
      <c r="I83" s="71"/>
      <c r="J83" s="71"/>
      <c r="K83" s="71"/>
      <c r="L83" s="71"/>
      <c r="M83" s="71"/>
      <c r="N83" s="72"/>
      <c r="O83" s="70"/>
      <c r="P83" s="71"/>
      <c r="Q83" s="71"/>
      <c r="R83" s="71"/>
      <c r="S83" s="72"/>
      <c r="T83" s="144" t="s">
        <v>193</v>
      </c>
      <c r="U83" s="145"/>
      <c r="V83" s="145"/>
      <c r="W83" s="145"/>
      <c r="X83" s="146"/>
      <c r="Y83" s="142"/>
      <c r="Z83" s="142"/>
      <c r="AA83" s="142"/>
      <c r="AB83" s="142"/>
      <c r="AC83" s="142"/>
      <c r="AD83" s="142"/>
      <c r="AE83" s="142"/>
      <c r="AF83" s="142"/>
      <c r="AG83" s="142"/>
    </row>
    <row r="84" spans="1:33" s="29" customFormat="1" ht="13.5" customHeight="1">
      <c r="A84" s="491" t="s">
        <v>72</v>
      </c>
      <c r="B84" s="492"/>
      <c r="C84" s="492"/>
      <c r="D84" s="492"/>
      <c r="E84" s="492"/>
      <c r="F84" s="492"/>
      <c r="G84" s="493"/>
      <c r="H84" s="132" t="s">
        <v>154</v>
      </c>
      <c r="I84" s="133"/>
      <c r="J84" s="133"/>
      <c r="K84" s="133"/>
      <c r="L84" s="133"/>
      <c r="M84" s="133"/>
      <c r="N84" s="134"/>
      <c r="O84" s="132" t="s">
        <v>136</v>
      </c>
      <c r="P84" s="133"/>
      <c r="Q84" s="133"/>
      <c r="R84" s="133"/>
      <c r="S84" s="134"/>
      <c r="T84" s="138"/>
      <c r="U84" s="136"/>
      <c r="V84" s="136"/>
      <c r="W84" s="136"/>
      <c r="X84" s="137"/>
      <c r="Y84" s="429">
        <v>5278</v>
      </c>
      <c r="Z84" s="429"/>
      <c r="AA84" s="429"/>
      <c r="AB84" s="429">
        <v>1932</v>
      </c>
      <c r="AC84" s="429"/>
      <c r="AD84" s="429"/>
      <c r="AE84" s="429">
        <v>7210</v>
      </c>
      <c r="AF84" s="429"/>
      <c r="AG84" s="429"/>
    </row>
    <row r="85" spans="1:33" s="29" customFormat="1" ht="13.5" customHeight="1">
      <c r="A85" s="491"/>
      <c r="B85" s="492"/>
      <c r="C85" s="492"/>
      <c r="D85" s="492"/>
      <c r="E85" s="492"/>
      <c r="F85" s="492"/>
      <c r="G85" s="493"/>
      <c r="H85" s="101"/>
      <c r="I85" s="101"/>
      <c r="J85" s="101"/>
      <c r="K85" s="101"/>
      <c r="L85" s="101"/>
      <c r="M85" s="101"/>
      <c r="N85" s="102"/>
      <c r="O85" s="135" t="s">
        <v>193</v>
      </c>
      <c r="P85" s="136"/>
      <c r="Q85" s="136"/>
      <c r="R85" s="136"/>
      <c r="S85" s="137"/>
      <c r="T85" s="138"/>
      <c r="U85" s="136"/>
      <c r="V85" s="136"/>
      <c r="W85" s="136"/>
      <c r="X85" s="137"/>
      <c r="Y85" s="142"/>
      <c r="Z85" s="142"/>
      <c r="AA85" s="142"/>
      <c r="AB85" s="142"/>
      <c r="AC85" s="142"/>
      <c r="AD85" s="142"/>
      <c r="AE85" s="142"/>
      <c r="AF85" s="142"/>
      <c r="AG85" s="142"/>
    </row>
    <row r="86" spans="1:33" s="29" customFormat="1" ht="13.5" customHeight="1">
      <c r="A86" s="491"/>
      <c r="B86" s="492"/>
      <c r="C86" s="492"/>
      <c r="D86" s="492"/>
      <c r="E86" s="492"/>
      <c r="F86" s="492"/>
      <c r="G86" s="493"/>
      <c r="H86" s="132" t="s">
        <v>155</v>
      </c>
      <c r="I86" s="133"/>
      <c r="J86" s="133"/>
      <c r="K86" s="133"/>
      <c r="L86" s="133"/>
      <c r="M86" s="133"/>
      <c r="N86" s="134"/>
      <c r="O86" s="138"/>
      <c r="P86" s="136"/>
      <c r="Q86" s="136"/>
      <c r="R86" s="136"/>
      <c r="S86" s="137"/>
      <c r="T86" s="132" t="s">
        <v>26</v>
      </c>
      <c r="U86" s="133"/>
      <c r="V86" s="133"/>
      <c r="W86" s="133"/>
      <c r="X86" s="134"/>
      <c r="Y86" s="142">
        <v>6263</v>
      </c>
      <c r="Z86" s="142"/>
      <c r="AA86" s="142"/>
      <c r="AB86" s="142">
        <v>690</v>
      </c>
      <c r="AC86" s="142"/>
      <c r="AD86" s="142"/>
      <c r="AE86" s="142">
        <v>6953</v>
      </c>
      <c r="AF86" s="142"/>
      <c r="AG86" s="142"/>
    </row>
    <row r="87" spans="1:33" s="29" customFormat="1" ht="13.5" customHeight="1">
      <c r="A87" s="494"/>
      <c r="B87" s="495"/>
      <c r="C87" s="495"/>
      <c r="D87" s="495"/>
      <c r="E87" s="495"/>
      <c r="F87" s="495"/>
      <c r="G87" s="496"/>
      <c r="H87" s="103"/>
      <c r="I87" s="103"/>
      <c r="J87" s="103"/>
      <c r="K87" s="103"/>
      <c r="L87" s="103"/>
      <c r="M87" s="103"/>
      <c r="N87" s="104"/>
      <c r="O87" s="139"/>
      <c r="P87" s="140"/>
      <c r="Q87" s="140"/>
      <c r="R87" s="140"/>
      <c r="S87" s="141"/>
      <c r="T87" s="105"/>
      <c r="U87" s="103"/>
      <c r="V87" s="103"/>
      <c r="W87" s="103"/>
      <c r="X87" s="104"/>
      <c r="Y87" s="143"/>
      <c r="Z87" s="143"/>
      <c r="AA87" s="143"/>
      <c r="AB87" s="143"/>
      <c r="AC87" s="143"/>
      <c r="AD87" s="143"/>
      <c r="AE87" s="143"/>
      <c r="AF87" s="143"/>
      <c r="AG87" s="143"/>
    </row>
    <row r="88" spans="1:33" s="29" customFormat="1" ht="13.5" customHeight="1">
      <c r="A88" s="106"/>
      <c r="B88" s="107"/>
      <c r="C88" s="107"/>
      <c r="D88" s="107"/>
      <c r="E88" s="107"/>
      <c r="F88" s="107"/>
      <c r="G88" s="108"/>
      <c r="H88" s="101"/>
      <c r="I88" s="101"/>
      <c r="J88" s="101"/>
      <c r="K88" s="101"/>
      <c r="L88" s="101"/>
      <c r="M88" s="101"/>
      <c r="N88" s="102"/>
      <c r="O88" s="89"/>
      <c r="P88" s="101"/>
      <c r="Q88" s="101"/>
      <c r="R88" s="101"/>
      <c r="S88" s="102"/>
      <c r="T88" s="89"/>
      <c r="U88" s="101"/>
      <c r="V88" s="101"/>
      <c r="W88" s="101"/>
      <c r="X88" s="102"/>
      <c r="Y88" s="142"/>
      <c r="Z88" s="142"/>
      <c r="AA88" s="142"/>
      <c r="AB88" s="142"/>
      <c r="AC88" s="142"/>
      <c r="AD88" s="142"/>
      <c r="AE88" s="142"/>
      <c r="AF88" s="142"/>
      <c r="AG88" s="142"/>
    </row>
    <row r="89" spans="1:33" s="29" customFormat="1" ht="13.5" customHeight="1">
      <c r="A89" s="491" t="s">
        <v>156</v>
      </c>
      <c r="B89" s="492"/>
      <c r="C89" s="492"/>
      <c r="D89" s="492"/>
      <c r="E89" s="492"/>
      <c r="F89" s="492"/>
      <c r="G89" s="493"/>
      <c r="H89" s="132" t="s">
        <v>157</v>
      </c>
      <c r="I89" s="133"/>
      <c r="J89" s="133"/>
      <c r="K89" s="133"/>
      <c r="L89" s="133"/>
      <c r="M89" s="133"/>
      <c r="N89" s="134"/>
      <c r="O89" s="132" t="s">
        <v>158</v>
      </c>
      <c r="P89" s="133"/>
      <c r="Q89" s="133"/>
      <c r="R89" s="133"/>
      <c r="S89" s="134"/>
      <c r="T89" s="132" t="s">
        <v>26</v>
      </c>
      <c r="U89" s="133"/>
      <c r="V89" s="133"/>
      <c r="W89" s="133"/>
      <c r="X89" s="134"/>
      <c r="Y89" s="142">
        <v>15076</v>
      </c>
      <c r="Z89" s="142"/>
      <c r="AA89" s="142"/>
      <c r="AB89" s="142">
        <v>1430</v>
      </c>
      <c r="AC89" s="142"/>
      <c r="AD89" s="142"/>
      <c r="AE89" s="142">
        <v>16506</v>
      </c>
      <c r="AF89" s="142"/>
      <c r="AG89" s="142"/>
    </row>
    <row r="90" spans="1:33" s="29" customFormat="1" ht="13.5" customHeight="1">
      <c r="A90" s="491"/>
      <c r="B90" s="492"/>
      <c r="C90" s="492"/>
      <c r="D90" s="492"/>
      <c r="E90" s="492"/>
      <c r="F90" s="492"/>
      <c r="G90" s="493"/>
      <c r="H90" s="101"/>
      <c r="I90" s="101"/>
      <c r="J90" s="101"/>
      <c r="K90" s="101"/>
      <c r="L90" s="101"/>
      <c r="M90" s="101"/>
      <c r="N90" s="102"/>
      <c r="O90" s="89"/>
      <c r="P90" s="101"/>
      <c r="Q90" s="101"/>
      <c r="R90" s="101"/>
      <c r="S90" s="102"/>
      <c r="T90" s="89"/>
      <c r="U90" s="101"/>
      <c r="V90" s="101"/>
      <c r="W90" s="101"/>
      <c r="X90" s="102"/>
      <c r="Y90" s="142"/>
      <c r="Z90" s="142"/>
      <c r="AA90" s="142"/>
      <c r="AB90" s="142"/>
      <c r="AC90" s="142"/>
      <c r="AD90" s="142"/>
      <c r="AE90" s="142"/>
      <c r="AF90" s="142"/>
      <c r="AG90" s="142"/>
    </row>
    <row r="91" spans="1:33" s="29" customFormat="1" ht="13.5" customHeight="1">
      <c r="A91" s="491"/>
      <c r="B91" s="492"/>
      <c r="C91" s="492"/>
      <c r="D91" s="492"/>
      <c r="E91" s="492"/>
      <c r="F91" s="492"/>
      <c r="G91" s="493"/>
      <c r="H91" s="132" t="s">
        <v>159</v>
      </c>
      <c r="I91" s="133"/>
      <c r="J91" s="133"/>
      <c r="K91" s="133"/>
      <c r="L91" s="133"/>
      <c r="M91" s="133"/>
      <c r="N91" s="134"/>
      <c r="O91" s="132" t="s">
        <v>160</v>
      </c>
      <c r="P91" s="133"/>
      <c r="Q91" s="133"/>
      <c r="R91" s="133"/>
      <c r="S91" s="134"/>
      <c r="T91" s="132" t="s">
        <v>161</v>
      </c>
      <c r="U91" s="133"/>
      <c r="V91" s="133"/>
      <c r="W91" s="133"/>
      <c r="X91" s="134"/>
      <c r="Y91" s="142">
        <v>14930</v>
      </c>
      <c r="Z91" s="142"/>
      <c r="AA91" s="142"/>
      <c r="AB91" s="142">
        <v>1741</v>
      </c>
      <c r="AC91" s="142"/>
      <c r="AD91" s="142"/>
      <c r="AE91" s="142">
        <v>16671</v>
      </c>
      <c r="AF91" s="142"/>
      <c r="AG91" s="142"/>
    </row>
    <row r="92" spans="1:33" s="47" customFormat="1" ht="13.5" customHeight="1">
      <c r="A92" s="491"/>
      <c r="B92" s="492"/>
      <c r="C92" s="492"/>
      <c r="D92" s="492"/>
      <c r="E92" s="492"/>
      <c r="F92" s="492"/>
      <c r="G92" s="493"/>
      <c r="H92" s="101"/>
      <c r="I92" s="101"/>
      <c r="J92" s="101"/>
      <c r="K92" s="101"/>
      <c r="L92" s="101"/>
      <c r="M92" s="101"/>
      <c r="N92" s="102"/>
      <c r="O92" s="89"/>
      <c r="P92" s="101"/>
      <c r="Q92" s="101"/>
      <c r="R92" s="101"/>
      <c r="S92" s="102"/>
      <c r="T92" s="89"/>
      <c r="U92" s="101"/>
      <c r="V92" s="101"/>
      <c r="W92" s="101"/>
      <c r="X92" s="102"/>
      <c r="Y92" s="142"/>
      <c r="Z92" s="142"/>
      <c r="AA92" s="142"/>
      <c r="AB92" s="142"/>
      <c r="AC92" s="142"/>
      <c r="AD92" s="142"/>
      <c r="AE92" s="142"/>
      <c r="AF92" s="142"/>
      <c r="AG92" s="142"/>
    </row>
    <row r="93" spans="1:33" s="29" customFormat="1" ht="13.5" customHeight="1">
      <c r="A93" s="491"/>
      <c r="B93" s="492"/>
      <c r="C93" s="492"/>
      <c r="D93" s="492"/>
      <c r="E93" s="492"/>
      <c r="F93" s="492"/>
      <c r="G93" s="493"/>
      <c r="H93" s="132" t="s">
        <v>154</v>
      </c>
      <c r="I93" s="133"/>
      <c r="J93" s="133"/>
      <c r="K93" s="133"/>
      <c r="L93" s="133"/>
      <c r="M93" s="133"/>
      <c r="N93" s="134"/>
      <c r="O93" s="132" t="s">
        <v>161</v>
      </c>
      <c r="P93" s="133"/>
      <c r="Q93" s="133"/>
      <c r="R93" s="133"/>
      <c r="S93" s="134"/>
      <c r="T93" s="132" t="s">
        <v>150</v>
      </c>
      <c r="U93" s="133"/>
      <c r="V93" s="133"/>
      <c r="W93" s="133"/>
      <c r="X93" s="134"/>
      <c r="Y93" s="429">
        <v>9707</v>
      </c>
      <c r="Z93" s="429"/>
      <c r="AA93" s="429"/>
      <c r="AB93" s="429">
        <v>798</v>
      </c>
      <c r="AC93" s="429"/>
      <c r="AD93" s="429"/>
      <c r="AE93" s="429">
        <v>10505</v>
      </c>
      <c r="AF93" s="429"/>
      <c r="AG93" s="429"/>
    </row>
    <row r="94" spans="1:33" s="29" customFormat="1" ht="13.5" customHeight="1">
      <c r="A94" s="494"/>
      <c r="B94" s="495"/>
      <c r="C94" s="495"/>
      <c r="D94" s="495"/>
      <c r="E94" s="495"/>
      <c r="F94" s="495"/>
      <c r="G94" s="496"/>
      <c r="H94" s="101"/>
      <c r="I94" s="101"/>
      <c r="J94" s="101"/>
      <c r="K94" s="101"/>
      <c r="L94" s="101"/>
      <c r="M94" s="101"/>
      <c r="N94" s="102"/>
      <c r="O94" s="89"/>
      <c r="P94" s="101"/>
      <c r="Q94" s="101"/>
      <c r="R94" s="101"/>
      <c r="S94" s="102"/>
      <c r="T94" s="89"/>
      <c r="U94" s="101"/>
      <c r="V94" s="101"/>
      <c r="W94" s="101"/>
      <c r="X94" s="102"/>
      <c r="Y94" s="143"/>
      <c r="Z94" s="143"/>
      <c r="AA94" s="143"/>
      <c r="AB94" s="143"/>
      <c r="AC94" s="143"/>
      <c r="AD94" s="143"/>
      <c r="AE94" s="143"/>
      <c r="AF94" s="143"/>
      <c r="AG94" s="143"/>
    </row>
    <row r="95" spans="1:33" s="29" customFormat="1" ht="13.5" customHeight="1">
      <c r="A95" s="348"/>
      <c r="B95" s="277"/>
      <c r="C95" s="277"/>
      <c r="D95" s="277"/>
      <c r="E95" s="277"/>
      <c r="F95" s="277"/>
      <c r="G95" s="278"/>
      <c r="H95" s="70"/>
      <c r="I95" s="71"/>
      <c r="J95" s="71"/>
      <c r="K95" s="71"/>
      <c r="L95" s="71"/>
      <c r="M95" s="71"/>
      <c r="N95" s="72"/>
      <c r="O95" s="70"/>
      <c r="P95" s="71"/>
      <c r="Q95" s="71"/>
      <c r="R95" s="71"/>
      <c r="S95" s="72"/>
      <c r="T95" s="70"/>
      <c r="U95" s="71"/>
      <c r="V95" s="71"/>
      <c r="W95" s="71"/>
      <c r="X95" s="72"/>
      <c r="Y95" s="142"/>
      <c r="Z95" s="142"/>
      <c r="AA95" s="142"/>
      <c r="AB95" s="142"/>
      <c r="AC95" s="142"/>
      <c r="AD95" s="142"/>
      <c r="AE95" s="142"/>
      <c r="AF95" s="142"/>
      <c r="AG95" s="142"/>
    </row>
    <row r="96" spans="1:33" s="29" customFormat="1" ht="13.5" customHeight="1">
      <c r="A96" s="491" t="s">
        <v>73</v>
      </c>
      <c r="B96" s="492"/>
      <c r="C96" s="492"/>
      <c r="D96" s="492"/>
      <c r="E96" s="492"/>
      <c r="F96" s="492"/>
      <c r="G96" s="493"/>
      <c r="H96" s="132" t="s">
        <v>63</v>
      </c>
      <c r="I96" s="133"/>
      <c r="J96" s="133"/>
      <c r="K96" s="133"/>
      <c r="L96" s="133"/>
      <c r="M96" s="133"/>
      <c r="N96" s="134"/>
      <c r="O96" s="132" t="s">
        <v>162</v>
      </c>
      <c r="P96" s="133"/>
      <c r="Q96" s="133"/>
      <c r="R96" s="133"/>
      <c r="S96" s="134"/>
      <c r="T96" s="132" t="s">
        <v>163</v>
      </c>
      <c r="U96" s="133"/>
      <c r="V96" s="133"/>
      <c r="W96" s="133"/>
      <c r="X96" s="134"/>
      <c r="Y96" s="142">
        <v>709</v>
      </c>
      <c r="Z96" s="142"/>
      <c r="AA96" s="142"/>
      <c r="AB96" s="142">
        <v>69</v>
      </c>
      <c r="AC96" s="142"/>
      <c r="AD96" s="142"/>
      <c r="AE96" s="142">
        <v>778</v>
      </c>
      <c r="AF96" s="142"/>
      <c r="AG96" s="142"/>
    </row>
    <row r="97" spans="1:33" s="29" customFormat="1" ht="13.5" customHeight="1">
      <c r="A97" s="491"/>
      <c r="B97" s="492"/>
      <c r="C97" s="492"/>
      <c r="D97" s="492"/>
      <c r="E97" s="492"/>
      <c r="F97" s="492"/>
      <c r="G97" s="493"/>
      <c r="H97" s="101"/>
      <c r="I97" s="101"/>
      <c r="J97" s="101"/>
      <c r="K97" s="101"/>
      <c r="L97" s="101"/>
      <c r="M97" s="101"/>
      <c r="N97" s="102"/>
      <c r="O97" s="89"/>
      <c r="P97" s="101"/>
      <c r="Q97" s="101"/>
      <c r="R97" s="101"/>
      <c r="S97" s="102"/>
      <c r="T97" s="89"/>
      <c r="U97" s="101"/>
      <c r="V97" s="101"/>
      <c r="W97" s="101"/>
      <c r="X97" s="102"/>
      <c r="Y97" s="142"/>
      <c r="Z97" s="142"/>
      <c r="AA97" s="142"/>
      <c r="AB97" s="142"/>
      <c r="AC97" s="142"/>
      <c r="AD97" s="142"/>
      <c r="AE97" s="142"/>
      <c r="AF97" s="142"/>
      <c r="AG97" s="142"/>
    </row>
    <row r="98" spans="1:33" s="29" customFormat="1" ht="13.5" customHeight="1">
      <c r="A98" s="491"/>
      <c r="B98" s="492"/>
      <c r="C98" s="492"/>
      <c r="D98" s="492"/>
      <c r="E98" s="492"/>
      <c r="F98" s="492"/>
      <c r="G98" s="493"/>
      <c r="H98" s="132" t="s">
        <v>154</v>
      </c>
      <c r="I98" s="133"/>
      <c r="J98" s="133"/>
      <c r="K98" s="133"/>
      <c r="L98" s="133"/>
      <c r="M98" s="133"/>
      <c r="N98" s="134"/>
      <c r="O98" s="132" t="s">
        <v>163</v>
      </c>
      <c r="P98" s="133"/>
      <c r="Q98" s="133"/>
      <c r="R98" s="133"/>
      <c r="S98" s="134"/>
      <c r="T98" s="132" t="s">
        <v>164</v>
      </c>
      <c r="U98" s="133"/>
      <c r="V98" s="133"/>
      <c r="W98" s="133"/>
      <c r="X98" s="134"/>
      <c r="Y98" s="429">
        <v>925</v>
      </c>
      <c r="Z98" s="429"/>
      <c r="AA98" s="429"/>
      <c r="AB98" s="429">
        <v>39</v>
      </c>
      <c r="AC98" s="429"/>
      <c r="AD98" s="429"/>
      <c r="AE98" s="429">
        <v>964</v>
      </c>
      <c r="AF98" s="429"/>
      <c r="AG98" s="429"/>
    </row>
    <row r="99" spans="1:33" s="29" customFormat="1" ht="13.5" customHeight="1">
      <c r="A99" s="491"/>
      <c r="B99" s="492"/>
      <c r="C99" s="492"/>
      <c r="D99" s="492"/>
      <c r="E99" s="492"/>
      <c r="F99" s="492"/>
      <c r="G99" s="493"/>
      <c r="H99" s="101"/>
      <c r="I99" s="101"/>
      <c r="J99" s="101"/>
      <c r="K99" s="101"/>
      <c r="L99" s="101"/>
      <c r="M99" s="101"/>
      <c r="N99" s="102"/>
      <c r="O99" s="89"/>
      <c r="P99" s="101"/>
      <c r="Q99" s="101"/>
      <c r="R99" s="101"/>
      <c r="S99" s="102"/>
      <c r="T99" s="89"/>
      <c r="U99" s="101"/>
      <c r="V99" s="101"/>
      <c r="W99" s="101"/>
      <c r="X99" s="102"/>
      <c r="Y99" s="142"/>
      <c r="Z99" s="142"/>
      <c r="AA99" s="142"/>
      <c r="AB99" s="142"/>
      <c r="AC99" s="142"/>
      <c r="AD99" s="142"/>
      <c r="AE99" s="142"/>
      <c r="AF99" s="142"/>
      <c r="AG99" s="142"/>
    </row>
    <row r="100" spans="1:33" s="29" customFormat="1" ht="13.5" customHeight="1">
      <c r="A100" s="491"/>
      <c r="B100" s="492"/>
      <c r="C100" s="492"/>
      <c r="D100" s="492"/>
      <c r="E100" s="492"/>
      <c r="F100" s="492"/>
      <c r="G100" s="493"/>
      <c r="H100" s="132" t="s">
        <v>165</v>
      </c>
      <c r="I100" s="133"/>
      <c r="J100" s="133"/>
      <c r="K100" s="133"/>
      <c r="L100" s="133"/>
      <c r="M100" s="133"/>
      <c r="N100" s="134"/>
      <c r="O100" s="132" t="s">
        <v>164</v>
      </c>
      <c r="P100" s="133"/>
      <c r="Q100" s="133"/>
      <c r="R100" s="133"/>
      <c r="S100" s="134"/>
      <c r="T100" s="132" t="s">
        <v>153</v>
      </c>
      <c r="U100" s="133"/>
      <c r="V100" s="133"/>
      <c r="W100" s="133"/>
      <c r="X100" s="134"/>
      <c r="Y100" s="142">
        <v>4684</v>
      </c>
      <c r="Z100" s="142"/>
      <c r="AA100" s="142"/>
      <c r="AB100" s="142">
        <v>1119</v>
      </c>
      <c r="AC100" s="142"/>
      <c r="AD100" s="142"/>
      <c r="AE100" s="142">
        <v>5803</v>
      </c>
      <c r="AF100" s="142"/>
      <c r="AG100" s="142"/>
    </row>
    <row r="101" spans="1:33" s="29" customFormat="1" ht="13.5" customHeight="1">
      <c r="A101" s="491"/>
      <c r="B101" s="492"/>
      <c r="C101" s="492"/>
      <c r="D101" s="492"/>
      <c r="E101" s="492"/>
      <c r="F101" s="492"/>
      <c r="G101" s="493"/>
      <c r="H101" s="101"/>
      <c r="I101" s="101"/>
      <c r="J101" s="101"/>
      <c r="K101" s="101"/>
      <c r="L101" s="101"/>
      <c r="M101" s="101"/>
      <c r="N101" s="102"/>
      <c r="O101" s="89"/>
      <c r="P101" s="101"/>
      <c r="Q101" s="101"/>
      <c r="R101" s="101"/>
      <c r="S101" s="102"/>
      <c r="T101" s="89"/>
      <c r="U101" s="101"/>
      <c r="V101" s="101"/>
      <c r="W101" s="101"/>
      <c r="X101" s="102"/>
      <c r="Y101" s="142"/>
      <c r="Z101" s="142"/>
      <c r="AA101" s="142"/>
      <c r="AB101" s="142"/>
      <c r="AC101" s="142"/>
      <c r="AD101" s="142"/>
      <c r="AE101" s="142"/>
      <c r="AF101" s="142"/>
      <c r="AG101" s="142"/>
    </row>
    <row r="102" spans="1:33" s="47" customFormat="1" ht="13.5" customHeight="1">
      <c r="A102" s="491"/>
      <c r="B102" s="492"/>
      <c r="C102" s="492"/>
      <c r="D102" s="492"/>
      <c r="E102" s="492"/>
      <c r="F102" s="492"/>
      <c r="G102" s="493"/>
      <c r="H102" s="132" t="s">
        <v>166</v>
      </c>
      <c r="I102" s="133"/>
      <c r="J102" s="133"/>
      <c r="K102" s="133"/>
      <c r="L102" s="133"/>
      <c r="M102" s="133"/>
      <c r="N102" s="134"/>
      <c r="O102" s="132" t="s">
        <v>153</v>
      </c>
      <c r="P102" s="133"/>
      <c r="Q102" s="133"/>
      <c r="R102" s="133"/>
      <c r="S102" s="134"/>
      <c r="T102" s="132" t="s">
        <v>167</v>
      </c>
      <c r="U102" s="133"/>
      <c r="V102" s="133"/>
      <c r="W102" s="133"/>
      <c r="X102" s="134"/>
      <c r="Y102" s="142">
        <v>8466</v>
      </c>
      <c r="Z102" s="142"/>
      <c r="AA102" s="142"/>
      <c r="AB102" s="142">
        <v>1022</v>
      </c>
      <c r="AC102" s="142"/>
      <c r="AD102" s="142"/>
      <c r="AE102" s="142">
        <v>9488</v>
      </c>
      <c r="AF102" s="142"/>
      <c r="AG102" s="142"/>
    </row>
    <row r="103" spans="1:33" s="29" customFormat="1" ht="13.5" customHeight="1">
      <c r="A103" s="494"/>
      <c r="B103" s="495"/>
      <c r="C103" s="495"/>
      <c r="D103" s="495"/>
      <c r="E103" s="495"/>
      <c r="F103" s="495"/>
      <c r="G103" s="496"/>
      <c r="H103" s="103"/>
      <c r="I103" s="103"/>
      <c r="J103" s="103"/>
      <c r="K103" s="103"/>
      <c r="L103" s="103"/>
      <c r="M103" s="103"/>
      <c r="N103" s="104"/>
      <c r="O103" s="105"/>
      <c r="P103" s="103"/>
      <c r="Q103" s="103"/>
      <c r="R103" s="103"/>
      <c r="S103" s="104"/>
      <c r="T103" s="105"/>
      <c r="U103" s="103"/>
      <c r="V103" s="103"/>
      <c r="W103" s="103"/>
      <c r="X103" s="104"/>
      <c r="Y103" s="143"/>
      <c r="Z103" s="143"/>
      <c r="AA103" s="143"/>
      <c r="AB103" s="143"/>
      <c r="AC103" s="143"/>
      <c r="AD103" s="143"/>
      <c r="AE103" s="143"/>
      <c r="AF103" s="143"/>
      <c r="AG103" s="143"/>
    </row>
    <row r="104" spans="1:33" s="29" customFormat="1" ht="13.5" customHeight="1">
      <c r="A104" s="79"/>
      <c r="B104" s="80"/>
      <c r="C104" s="80"/>
      <c r="D104" s="80"/>
      <c r="E104" s="80"/>
      <c r="F104" s="80"/>
      <c r="G104" s="81"/>
      <c r="H104" s="70"/>
      <c r="I104" s="71"/>
      <c r="J104" s="71"/>
      <c r="K104" s="71"/>
      <c r="L104" s="71"/>
      <c r="M104" s="71"/>
      <c r="N104" s="72"/>
      <c r="O104" s="70"/>
      <c r="P104" s="71"/>
      <c r="Q104" s="71"/>
      <c r="R104" s="71"/>
      <c r="S104" s="72"/>
      <c r="T104" s="70"/>
      <c r="U104" s="71"/>
      <c r="V104" s="71"/>
      <c r="W104" s="71"/>
      <c r="X104" s="72"/>
      <c r="Y104" s="142"/>
      <c r="Z104" s="142"/>
      <c r="AA104" s="142"/>
      <c r="AB104" s="142"/>
      <c r="AC104" s="142"/>
      <c r="AD104" s="142"/>
      <c r="AE104" s="142"/>
      <c r="AF104" s="142"/>
      <c r="AG104" s="142"/>
    </row>
    <row r="105" spans="1:33" s="48" customFormat="1" ht="13.5" customHeight="1">
      <c r="A105" s="491" t="s">
        <v>168</v>
      </c>
      <c r="B105" s="492"/>
      <c r="C105" s="492"/>
      <c r="D105" s="492"/>
      <c r="E105" s="492"/>
      <c r="F105" s="492"/>
      <c r="G105" s="493"/>
      <c r="H105" s="132" t="s">
        <v>169</v>
      </c>
      <c r="I105" s="133"/>
      <c r="J105" s="133"/>
      <c r="K105" s="133"/>
      <c r="L105" s="133"/>
      <c r="M105" s="133"/>
      <c r="N105" s="134"/>
      <c r="O105" s="132" t="s">
        <v>170</v>
      </c>
      <c r="P105" s="133"/>
      <c r="Q105" s="133"/>
      <c r="R105" s="133"/>
      <c r="S105" s="134"/>
      <c r="T105" s="132" t="s">
        <v>163</v>
      </c>
      <c r="U105" s="133"/>
      <c r="V105" s="133"/>
      <c r="W105" s="133"/>
      <c r="X105" s="134"/>
      <c r="Y105" s="142">
        <v>691</v>
      </c>
      <c r="Z105" s="142"/>
      <c r="AA105" s="142"/>
      <c r="AB105" s="142">
        <v>599</v>
      </c>
      <c r="AC105" s="142"/>
      <c r="AD105" s="142"/>
      <c r="AE105" s="142">
        <v>1290</v>
      </c>
      <c r="AF105" s="142"/>
      <c r="AG105" s="142"/>
    </row>
    <row r="106" spans="1:33" s="29" customFormat="1" ht="13.5" customHeight="1">
      <c r="A106" s="491"/>
      <c r="B106" s="492"/>
      <c r="C106" s="492"/>
      <c r="D106" s="492"/>
      <c r="E106" s="492"/>
      <c r="F106" s="492"/>
      <c r="G106" s="493"/>
      <c r="H106" s="101"/>
      <c r="I106" s="101"/>
      <c r="J106" s="101"/>
      <c r="K106" s="101"/>
      <c r="L106" s="101"/>
      <c r="M106" s="101"/>
      <c r="N106" s="102"/>
      <c r="O106" s="89"/>
      <c r="P106" s="101"/>
      <c r="Q106" s="101"/>
      <c r="R106" s="101"/>
      <c r="S106" s="102"/>
      <c r="T106" s="89"/>
      <c r="U106" s="101"/>
      <c r="V106" s="101"/>
      <c r="W106" s="101"/>
      <c r="X106" s="102"/>
      <c r="Y106" s="142"/>
      <c r="Z106" s="142"/>
      <c r="AA106" s="142"/>
      <c r="AB106" s="142"/>
      <c r="AC106" s="142"/>
      <c r="AD106" s="142"/>
      <c r="AE106" s="142"/>
      <c r="AF106" s="142"/>
      <c r="AG106" s="142"/>
    </row>
    <row r="107" spans="1:33" s="29" customFormat="1" ht="13.5" customHeight="1">
      <c r="A107" s="491"/>
      <c r="B107" s="492"/>
      <c r="C107" s="492"/>
      <c r="D107" s="492"/>
      <c r="E107" s="492"/>
      <c r="F107" s="492"/>
      <c r="G107" s="493"/>
      <c r="H107" s="132" t="s">
        <v>154</v>
      </c>
      <c r="I107" s="133"/>
      <c r="J107" s="133"/>
      <c r="K107" s="133"/>
      <c r="L107" s="133"/>
      <c r="M107" s="133"/>
      <c r="N107" s="134"/>
      <c r="O107" s="132" t="s">
        <v>163</v>
      </c>
      <c r="P107" s="133"/>
      <c r="Q107" s="133"/>
      <c r="R107" s="133"/>
      <c r="S107" s="134"/>
      <c r="T107" s="132" t="s">
        <v>161</v>
      </c>
      <c r="U107" s="133"/>
      <c r="V107" s="133"/>
      <c r="W107" s="133"/>
      <c r="X107" s="134"/>
      <c r="Y107" s="429">
        <v>4302</v>
      </c>
      <c r="Z107" s="429"/>
      <c r="AA107" s="429"/>
      <c r="AB107" s="429">
        <v>825</v>
      </c>
      <c r="AC107" s="429"/>
      <c r="AD107" s="429"/>
      <c r="AE107" s="429">
        <v>5127</v>
      </c>
      <c r="AF107" s="429"/>
      <c r="AG107" s="429"/>
    </row>
    <row r="108" spans="1:33" s="29" customFormat="1" ht="13.5" customHeight="1">
      <c r="A108" s="494"/>
      <c r="B108" s="495"/>
      <c r="C108" s="495"/>
      <c r="D108" s="495"/>
      <c r="E108" s="495"/>
      <c r="F108" s="495"/>
      <c r="G108" s="496"/>
      <c r="H108" s="103"/>
      <c r="I108" s="103"/>
      <c r="J108" s="103"/>
      <c r="K108" s="103"/>
      <c r="L108" s="103"/>
      <c r="M108" s="103"/>
      <c r="N108" s="104"/>
      <c r="O108" s="105"/>
      <c r="P108" s="103"/>
      <c r="Q108" s="103"/>
      <c r="R108" s="103"/>
      <c r="S108" s="104"/>
      <c r="T108" s="105"/>
      <c r="U108" s="103"/>
      <c r="V108" s="103"/>
      <c r="W108" s="103"/>
      <c r="X108" s="104"/>
      <c r="Y108" s="143"/>
      <c r="Z108" s="143"/>
      <c r="AA108" s="143"/>
      <c r="AB108" s="143"/>
      <c r="AC108" s="143"/>
      <c r="AD108" s="143"/>
      <c r="AE108" s="143"/>
      <c r="AF108" s="143"/>
      <c r="AG108" s="143"/>
    </row>
    <row r="109" spans="1:33" s="29" customFormat="1" ht="13.5" customHeight="1">
      <c r="A109" s="513" t="s">
        <v>74</v>
      </c>
      <c r="B109" s="514"/>
      <c r="C109" s="514"/>
      <c r="D109" s="514"/>
      <c r="E109" s="514"/>
      <c r="F109" s="514"/>
      <c r="G109" s="515"/>
      <c r="H109" s="70"/>
      <c r="I109" s="71"/>
      <c r="J109" s="71"/>
      <c r="K109" s="71"/>
      <c r="L109" s="71"/>
      <c r="M109" s="71"/>
      <c r="N109" s="72"/>
      <c r="O109" s="70"/>
      <c r="P109" s="71"/>
      <c r="Q109" s="71"/>
      <c r="R109" s="71"/>
      <c r="S109" s="72"/>
      <c r="T109" s="144" t="s">
        <v>194</v>
      </c>
      <c r="U109" s="145"/>
      <c r="V109" s="145"/>
      <c r="W109" s="145"/>
      <c r="X109" s="146"/>
      <c r="Y109" s="142"/>
      <c r="Z109" s="142"/>
      <c r="AA109" s="142"/>
      <c r="AB109" s="142"/>
      <c r="AC109" s="142"/>
      <c r="AD109" s="142"/>
      <c r="AE109" s="142"/>
      <c r="AF109" s="142"/>
      <c r="AG109" s="142"/>
    </row>
    <row r="110" spans="1:33" s="29" customFormat="1" ht="12.75" customHeight="1">
      <c r="A110" s="516"/>
      <c r="B110" s="517"/>
      <c r="C110" s="517"/>
      <c r="D110" s="517"/>
      <c r="E110" s="517"/>
      <c r="F110" s="517"/>
      <c r="G110" s="518"/>
      <c r="H110" s="132" t="s">
        <v>171</v>
      </c>
      <c r="I110" s="133"/>
      <c r="J110" s="133"/>
      <c r="K110" s="133"/>
      <c r="L110" s="133"/>
      <c r="M110" s="133"/>
      <c r="N110" s="134"/>
      <c r="O110" s="132" t="s">
        <v>153</v>
      </c>
      <c r="P110" s="133"/>
      <c r="Q110" s="133"/>
      <c r="R110" s="133"/>
      <c r="S110" s="134"/>
      <c r="T110" s="138"/>
      <c r="U110" s="136"/>
      <c r="V110" s="136"/>
      <c r="W110" s="136"/>
      <c r="X110" s="137"/>
      <c r="Y110" s="142">
        <v>3210</v>
      </c>
      <c r="Z110" s="142"/>
      <c r="AA110" s="142"/>
      <c r="AB110" s="142">
        <v>1788</v>
      </c>
      <c r="AC110" s="142"/>
      <c r="AD110" s="142"/>
      <c r="AE110" s="142">
        <v>4998</v>
      </c>
      <c r="AF110" s="142"/>
      <c r="AG110" s="142"/>
    </row>
    <row r="111" spans="1:33" s="29" customFormat="1" ht="12.75" customHeight="1">
      <c r="A111" s="519"/>
      <c r="B111" s="520"/>
      <c r="C111" s="520"/>
      <c r="D111" s="520"/>
      <c r="E111" s="520"/>
      <c r="F111" s="520"/>
      <c r="G111" s="521"/>
      <c r="H111" s="109"/>
      <c r="I111" s="109"/>
      <c r="J111" s="109"/>
      <c r="K111" s="109"/>
      <c r="L111" s="109"/>
      <c r="M111" s="109"/>
      <c r="N111" s="110"/>
      <c r="O111" s="105"/>
      <c r="P111" s="103"/>
      <c r="Q111" s="103"/>
      <c r="R111" s="103"/>
      <c r="S111" s="104"/>
      <c r="T111" s="139"/>
      <c r="U111" s="140"/>
      <c r="V111" s="140"/>
      <c r="W111" s="140"/>
      <c r="X111" s="141"/>
      <c r="Y111" s="143"/>
      <c r="Z111" s="143"/>
      <c r="AA111" s="143"/>
      <c r="AB111" s="143"/>
      <c r="AC111" s="143"/>
      <c r="AD111" s="143"/>
      <c r="AE111" s="143"/>
      <c r="AF111" s="143"/>
      <c r="AG111" s="143"/>
    </row>
    <row r="112" spans="1:33" s="29" customFormat="1" ht="12.75" customHeight="1">
      <c r="A112" s="522" t="s">
        <v>172</v>
      </c>
      <c r="B112" s="523"/>
      <c r="C112" s="523"/>
      <c r="D112" s="523"/>
      <c r="E112" s="523"/>
      <c r="F112" s="523"/>
      <c r="G112" s="524"/>
      <c r="H112" s="70"/>
      <c r="I112" s="71"/>
      <c r="J112" s="71"/>
      <c r="K112" s="71"/>
      <c r="L112" s="71"/>
      <c r="M112" s="71"/>
      <c r="N112" s="72"/>
      <c r="O112" s="111"/>
      <c r="P112" s="112"/>
      <c r="Q112" s="112"/>
      <c r="R112" s="112"/>
      <c r="S112" s="113"/>
      <c r="T112" s="111"/>
      <c r="U112" s="114"/>
      <c r="V112" s="114"/>
      <c r="W112" s="114"/>
      <c r="X112" s="115"/>
      <c r="Y112" s="142"/>
      <c r="Z112" s="142"/>
      <c r="AA112" s="142"/>
      <c r="AB112" s="142"/>
      <c r="AC112" s="142"/>
      <c r="AD112" s="142"/>
      <c r="AE112" s="142"/>
      <c r="AF112" s="142"/>
      <c r="AG112" s="142"/>
    </row>
    <row r="113" spans="1:34" s="29" customFormat="1" ht="12.75" customHeight="1">
      <c r="A113" s="525"/>
      <c r="B113" s="526"/>
      <c r="C113" s="526"/>
      <c r="D113" s="526"/>
      <c r="E113" s="526"/>
      <c r="F113" s="526"/>
      <c r="G113" s="527"/>
      <c r="H113" s="132" t="s">
        <v>154</v>
      </c>
      <c r="I113" s="133"/>
      <c r="J113" s="133"/>
      <c r="K113" s="133"/>
      <c r="L113" s="133"/>
      <c r="M113" s="133"/>
      <c r="N113" s="134"/>
      <c r="O113" s="132" t="s">
        <v>136</v>
      </c>
      <c r="P113" s="133"/>
      <c r="Q113" s="133"/>
      <c r="R113" s="133"/>
      <c r="S113" s="134"/>
      <c r="T113" s="132" t="s">
        <v>173</v>
      </c>
      <c r="U113" s="133"/>
      <c r="V113" s="133"/>
      <c r="W113" s="133"/>
      <c r="X113" s="134"/>
      <c r="Y113" s="429">
        <v>3355</v>
      </c>
      <c r="Z113" s="429"/>
      <c r="AA113" s="429"/>
      <c r="AB113" s="429">
        <v>249</v>
      </c>
      <c r="AC113" s="429"/>
      <c r="AD113" s="429"/>
      <c r="AE113" s="429">
        <v>3604</v>
      </c>
      <c r="AF113" s="429"/>
      <c r="AG113" s="429"/>
    </row>
    <row r="114" spans="1:34" s="29" customFormat="1" ht="12.75" customHeight="1">
      <c r="A114" s="528"/>
      <c r="B114" s="529"/>
      <c r="C114" s="529"/>
      <c r="D114" s="529"/>
      <c r="E114" s="529"/>
      <c r="F114" s="529"/>
      <c r="G114" s="530"/>
      <c r="H114" s="116"/>
      <c r="I114" s="116"/>
      <c r="J114" s="116"/>
      <c r="K114" s="116"/>
      <c r="L114" s="116"/>
      <c r="M114" s="116"/>
      <c r="N114" s="117"/>
      <c r="O114" s="118"/>
      <c r="P114" s="119"/>
      <c r="Q114" s="119"/>
      <c r="R114" s="119"/>
      <c r="S114" s="120"/>
      <c r="T114" s="121"/>
      <c r="U114" s="122"/>
      <c r="V114" s="122"/>
      <c r="W114" s="122"/>
      <c r="X114" s="123"/>
      <c r="Y114" s="531"/>
      <c r="Z114" s="531"/>
      <c r="AA114" s="531"/>
      <c r="AB114" s="531"/>
      <c r="AC114" s="531"/>
      <c r="AD114" s="531"/>
      <c r="AE114" s="531"/>
      <c r="AF114" s="531"/>
      <c r="AG114" s="531"/>
    </row>
    <row r="115" spans="1:34" s="29" customFormat="1" ht="12.75" customHeight="1">
      <c r="A115" s="28" t="s">
        <v>174</v>
      </c>
    </row>
    <row r="116" spans="1:34" s="29" customFormat="1" ht="12.75" customHeight="1">
      <c r="A116" s="28" t="s">
        <v>175</v>
      </c>
    </row>
    <row r="117" spans="1:34" s="29" customFormat="1" ht="12.75" customHeight="1">
      <c r="A117" s="28" t="s">
        <v>176</v>
      </c>
    </row>
    <row r="118" spans="1:34" s="29" customFormat="1" ht="12.75" customHeight="1">
      <c r="A118" s="28" t="s">
        <v>177</v>
      </c>
    </row>
    <row r="119" spans="1:34" s="29" customFormat="1" ht="12.75" customHeight="1">
      <c r="A119" s="28" t="s">
        <v>178</v>
      </c>
    </row>
    <row r="120" spans="1:34" s="29" customFormat="1" ht="12.75" customHeight="1">
      <c r="A120" s="28" t="s">
        <v>179</v>
      </c>
    </row>
    <row r="121" spans="1:34" s="29" customFormat="1" ht="12.75" customHeight="1">
      <c r="A121" s="28" t="s">
        <v>180</v>
      </c>
    </row>
    <row r="122" spans="1:34" s="29" customFormat="1" ht="12.75" customHeight="1">
      <c r="A122" s="28" t="s">
        <v>181</v>
      </c>
    </row>
    <row r="123" spans="1:34" s="29" customFormat="1" ht="12.75" customHeight="1">
      <c r="A123" s="16"/>
    </row>
    <row r="124" spans="1:34" s="29" customFormat="1" ht="12.75" customHeight="1">
      <c r="A124" s="16"/>
    </row>
    <row r="125" spans="1:34" s="29" customFormat="1" ht="20.100000000000001" customHeight="1">
      <c r="A125" s="19"/>
      <c r="B125" s="19"/>
      <c r="C125" s="49"/>
      <c r="D125" s="49"/>
      <c r="E125" s="49"/>
      <c r="F125" s="50"/>
      <c r="G125" s="50"/>
      <c r="H125" s="50"/>
      <c r="I125" s="50"/>
      <c r="J125" s="16"/>
      <c r="K125" s="16"/>
      <c r="L125" s="16"/>
      <c r="M125" s="16"/>
      <c r="N125" s="51"/>
      <c r="O125" s="51"/>
      <c r="P125" s="51"/>
      <c r="Q125" s="51"/>
      <c r="R125" s="51"/>
      <c r="S125" s="51"/>
      <c r="T125" s="51"/>
      <c r="U125" s="51"/>
      <c r="V125" s="19"/>
      <c r="W125" s="19"/>
      <c r="X125" s="19"/>
      <c r="Y125" s="19"/>
      <c r="Z125" s="19"/>
      <c r="AA125" s="19"/>
      <c r="AB125" s="19"/>
      <c r="AC125" s="19"/>
      <c r="AD125" s="19"/>
      <c r="AE125" s="6"/>
      <c r="AF125" s="6"/>
      <c r="AG125" s="16"/>
      <c r="AH125" s="16"/>
    </row>
    <row r="126" spans="1:34" s="29" customFormat="1" ht="15.95" customHeight="1">
      <c r="J126" s="19"/>
      <c r="K126" s="19"/>
      <c r="L126" s="49"/>
      <c r="M126" s="49"/>
      <c r="N126" s="49"/>
      <c r="O126" s="50"/>
      <c r="P126" s="50"/>
      <c r="Q126" s="50"/>
      <c r="R126" s="50"/>
      <c r="S126" s="19"/>
      <c r="T126" s="19"/>
      <c r="U126" s="19"/>
      <c r="V126" s="51"/>
      <c r="W126" s="51"/>
      <c r="X126" s="51"/>
      <c r="Y126" s="51"/>
      <c r="Z126" s="19"/>
      <c r="AB126" s="19"/>
      <c r="AC126" s="19"/>
      <c r="AE126" s="6"/>
      <c r="AF126" s="6"/>
      <c r="AG126" s="27"/>
    </row>
    <row r="127" spans="1:34" s="29" customFormat="1" ht="13.5" customHeight="1">
      <c r="A127" s="234" t="s">
        <v>182</v>
      </c>
      <c r="B127" s="235"/>
      <c r="C127" s="235"/>
      <c r="D127" s="235"/>
      <c r="E127" s="235"/>
      <c r="F127" s="235"/>
      <c r="G127" s="235"/>
      <c r="H127" s="235"/>
      <c r="I127" s="532"/>
      <c r="J127" s="533" t="s">
        <v>183</v>
      </c>
      <c r="K127" s="534"/>
      <c r="L127" s="535"/>
      <c r="M127" s="540" t="s">
        <v>184</v>
      </c>
      <c r="N127" s="541"/>
      <c r="O127" s="542"/>
      <c r="P127" s="540" t="s">
        <v>185</v>
      </c>
      <c r="Q127" s="541"/>
      <c r="R127" s="542"/>
      <c r="S127" s="549" t="s">
        <v>186</v>
      </c>
      <c r="T127" s="549"/>
      <c r="U127" s="549"/>
      <c r="V127" s="549"/>
      <c r="W127" s="549"/>
      <c r="X127" s="550"/>
    </row>
    <row r="128" spans="1:34" s="29" customFormat="1" ht="13.5" customHeight="1">
      <c r="A128" s="551" t="s">
        <v>96</v>
      </c>
      <c r="B128" s="551"/>
      <c r="C128" s="551"/>
      <c r="D128" s="551" t="s">
        <v>56</v>
      </c>
      <c r="E128" s="551"/>
      <c r="F128" s="551"/>
      <c r="G128" s="553" t="s">
        <v>133</v>
      </c>
      <c r="H128" s="553"/>
      <c r="I128" s="553"/>
      <c r="J128" s="536"/>
      <c r="K128" s="380"/>
      <c r="L128" s="381"/>
      <c r="M128" s="543"/>
      <c r="N128" s="544"/>
      <c r="O128" s="545"/>
      <c r="P128" s="543"/>
      <c r="Q128" s="544"/>
      <c r="R128" s="545"/>
      <c r="S128" s="555" t="s">
        <v>187</v>
      </c>
      <c r="T128" s="555"/>
      <c r="U128" s="555"/>
      <c r="V128" s="555" t="s">
        <v>182</v>
      </c>
      <c r="W128" s="555"/>
      <c r="X128" s="556"/>
    </row>
    <row r="129" spans="1:24" s="29" customFormat="1" ht="13.5">
      <c r="A129" s="552"/>
      <c r="B129" s="552"/>
      <c r="C129" s="552"/>
      <c r="D129" s="552"/>
      <c r="E129" s="552"/>
      <c r="F129" s="552"/>
      <c r="G129" s="554"/>
      <c r="H129" s="554"/>
      <c r="I129" s="554"/>
      <c r="J129" s="537"/>
      <c r="K129" s="538"/>
      <c r="L129" s="539"/>
      <c r="M129" s="546"/>
      <c r="N129" s="547"/>
      <c r="O129" s="548"/>
      <c r="P129" s="546"/>
      <c r="Q129" s="547"/>
      <c r="R129" s="548"/>
      <c r="S129" s="555"/>
      <c r="T129" s="555"/>
      <c r="U129" s="555"/>
      <c r="V129" s="555"/>
      <c r="W129" s="555"/>
      <c r="X129" s="556"/>
    </row>
    <row r="130" spans="1:24" s="58" customFormat="1" ht="13.5" customHeight="1">
      <c r="A130" s="412"/>
      <c r="B130" s="412"/>
      <c r="C130" s="412"/>
      <c r="D130" s="412"/>
      <c r="E130" s="412"/>
      <c r="F130" s="412"/>
      <c r="G130" s="412"/>
      <c r="H130" s="412"/>
      <c r="I130" s="412"/>
      <c r="J130" s="557"/>
      <c r="K130" s="557"/>
      <c r="L130" s="557"/>
      <c r="M130" s="558"/>
      <c r="N130" s="558"/>
      <c r="O130" s="558"/>
      <c r="P130" s="558"/>
      <c r="Q130" s="558"/>
      <c r="R130" s="558"/>
      <c r="S130" s="559"/>
      <c r="T130" s="559"/>
      <c r="U130" s="559"/>
      <c r="V130" s="559"/>
      <c r="W130" s="559"/>
      <c r="X130" s="560"/>
    </row>
    <row r="131" spans="1:24" s="58" customFormat="1" ht="13.5" customHeight="1">
      <c r="A131" s="142">
        <v>42219</v>
      </c>
      <c r="B131" s="142"/>
      <c r="C131" s="142"/>
      <c r="D131" s="142">
        <v>19900</v>
      </c>
      <c r="E131" s="142"/>
      <c r="F131" s="142"/>
      <c r="G131" s="142">
        <v>62119</v>
      </c>
      <c r="H131" s="142"/>
      <c r="I131" s="142"/>
      <c r="J131" s="431">
        <v>1.35</v>
      </c>
      <c r="K131" s="431"/>
      <c r="L131" s="431"/>
      <c r="M131" s="432">
        <v>10.6</v>
      </c>
      <c r="N131" s="432"/>
      <c r="O131" s="432"/>
      <c r="P131" s="432">
        <v>26.8</v>
      </c>
      <c r="Q131" s="432"/>
      <c r="R131" s="432"/>
      <c r="S131" s="433">
        <v>36874</v>
      </c>
      <c r="T131" s="433"/>
      <c r="U131" s="433"/>
      <c r="V131" s="433">
        <v>51046</v>
      </c>
      <c r="W131" s="433"/>
      <c r="X131" s="470"/>
    </row>
    <row r="132" spans="1:24" s="58" customFormat="1" ht="13.5" customHeight="1">
      <c r="A132" s="142"/>
      <c r="B132" s="142"/>
      <c r="C132" s="142"/>
      <c r="D132" s="142"/>
      <c r="E132" s="142"/>
      <c r="F132" s="142"/>
      <c r="G132" s="142"/>
      <c r="H132" s="142"/>
      <c r="I132" s="142"/>
      <c r="J132" s="431"/>
      <c r="K132" s="431"/>
      <c r="L132" s="431"/>
      <c r="M132" s="432"/>
      <c r="N132" s="432"/>
      <c r="O132" s="432"/>
      <c r="P132" s="432"/>
      <c r="Q132" s="432"/>
      <c r="R132" s="432"/>
      <c r="S132" s="433"/>
      <c r="T132" s="433"/>
      <c r="U132" s="433"/>
      <c r="V132" s="433"/>
      <c r="W132" s="433"/>
      <c r="X132" s="470"/>
    </row>
    <row r="133" spans="1:24" s="58" customFormat="1" ht="13.5" customHeight="1">
      <c r="A133" s="142">
        <v>45971</v>
      </c>
      <c r="B133" s="142"/>
      <c r="C133" s="142"/>
      <c r="D133" s="142">
        <v>22563</v>
      </c>
      <c r="E133" s="142"/>
      <c r="F133" s="142"/>
      <c r="G133" s="142">
        <v>68534</v>
      </c>
      <c r="H133" s="142"/>
      <c r="I133" s="142"/>
      <c r="J133" s="431">
        <v>1.34</v>
      </c>
      <c r="K133" s="431"/>
      <c r="L133" s="431"/>
      <c r="M133" s="432">
        <v>10.6</v>
      </c>
      <c r="N133" s="432"/>
      <c r="O133" s="432"/>
      <c r="P133" s="432">
        <v>28.1</v>
      </c>
      <c r="Q133" s="432"/>
      <c r="R133" s="432"/>
      <c r="S133" s="433">
        <v>40786</v>
      </c>
      <c r="T133" s="433"/>
      <c r="U133" s="433"/>
      <c r="V133" s="433">
        <v>57665</v>
      </c>
      <c r="W133" s="433"/>
      <c r="X133" s="470"/>
    </row>
    <row r="134" spans="1:24" s="58" customFormat="1" ht="13.5" customHeight="1">
      <c r="A134" s="143"/>
      <c r="B134" s="143"/>
      <c r="C134" s="143"/>
      <c r="D134" s="143"/>
      <c r="E134" s="143"/>
      <c r="F134" s="143"/>
      <c r="G134" s="143"/>
      <c r="H134" s="143"/>
      <c r="I134" s="143"/>
      <c r="J134" s="434"/>
      <c r="K134" s="434"/>
      <c r="L134" s="434"/>
      <c r="M134" s="435"/>
      <c r="N134" s="435"/>
      <c r="O134" s="435"/>
      <c r="P134" s="435"/>
      <c r="Q134" s="435"/>
      <c r="R134" s="435"/>
      <c r="S134" s="465"/>
      <c r="T134" s="465"/>
      <c r="U134" s="465"/>
      <c r="V134" s="465"/>
      <c r="W134" s="465"/>
      <c r="X134" s="466"/>
    </row>
    <row r="135" spans="1:24" s="58" customFormat="1" ht="13.5" customHeight="1">
      <c r="A135" s="142"/>
      <c r="B135" s="142"/>
      <c r="C135" s="142"/>
      <c r="D135" s="142"/>
      <c r="E135" s="142"/>
      <c r="F135" s="142"/>
      <c r="G135" s="142"/>
      <c r="H135" s="142"/>
      <c r="I135" s="142"/>
      <c r="J135" s="431"/>
      <c r="K135" s="431"/>
      <c r="L135" s="431"/>
      <c r="M135" s="432"/>
      <c r="N135" s="432"/>
      <c r="O135" s="432"/>
      <c r="P135" s="432"/>
      <c r="Q135" s="432"/>
      <c r="R135" s="432"/>
      <c r="S135" s="433"/>
      <c r="T135" s="433"/>
      <c r="U135" s="433"/>
      <c r="V135" s="433"/>
      <c r="W135" s="433"/>
      <c r="X135" s="470"/>
    </row>
    <row r="136" spans="1:24" s="58" customFormat="1" ht="13.5" customHeight="1">
      <c r="A136" s="142">
        <v>10290</v>
      </c>
      <c r="B136" s="142"/>
      <c r="C136" s="142"/>
      <c r="D136" s="142">
        <v>3010</v>
      </c>
      <c r="E136" s="142"/>
      <c r="F136" s="142"/>
      <c r="G136" s="142">
        <v>13300</v>
      </c>
      <c r="H136" s="142"/>
      <c r="I136" s="142"/>
      <c r="J136" s="431">
        <v>1.51</v>
      </c>
      <c r="K136" s="431"/>
      <c r="L136" s="431"/>
      <c r="M136" s="432">
        <v>9.8000000000000007</v>
      </c>
      <c r="N136" s="432"/>
      <c r="O136" s="432"/>
      <c r="P136" s="432">
        <v>19.899999999999999</v>
      </c>
      <c r="Q136" s="432"/>
      <c r="R136" s="432"/>
      <c r="S136" s="433">
        <v>9551</v>
      </c>
      <c r="T136" s="433"/>
      <c r="U136" s="433"/>
      <c r="V136" s="433">
        <v>14458</v>
      </c>
      <c r="W136" s="433"/>
      <c r="X136" s="470"/>
    </row>
    <row r="137" spans="1:24" s="58" customFormat="1" ht="13.5" customHeight="1">
      <c r="A137" s="143"/>
      <c r="B137" s="143"/>
      <c r="C137" s="143"/>
      <c r="D137" s="143"/>
      <c r="E137" s="143"/>
      <c r="F137" s="143"/>
      <c r="G137" s="143"/>
      <c r="H137" s="143"/>
      <c r="I137" s="143"/>
      <c r="J137" s="434"/>
      <c r="K137" s="434"/>
      <c r="L137" s="434"/>
      <c r="M137" s="435"/>
      <c r="N137" s="435"/>
      <c r="O137" s="435"/>
      <c r="P137" s="435"/>
      <c r="Q137" s="435"/>
      <c r="R137" s="435"/>
      <c r="S137" s="465"/>
      <c r="T137" s="465"/>
      <c r="U137" s="465"/>
      <c r="V137" s="465"/>
      <c r="W137" s="465"/>
      <c r="X137" s="466"/>
    </row>
    <row r="138" spans="1:24" s="58" customFormat="1" ht="13.5" customHeight="1">
      <c r="A138" s="142"/>
      <c r="B138" s="142"/>
      <c r="C138" s="142"/>
      <c r="D138" s="142"/>
      <c r="E138" s="142"/>
      <c r="F138" s="142"/>
      <c r="G138" s="142"/>
      <c r="H138" s="142"/>
      <c r="I138" s="142"/>
      <c r="J138" s="431"/>
      <c r="K138" s="431"/>
      <c r="L138" s="431"/>
      <c r="M138" s="432"/>
      <c r="N138" s="432"/>
      <c r="O138" s="432"/>
      <c r="P138" s="432"/>
      <c r="Q138" s="432"/>
      <c r="R138" s="432"/>
      <c r="S138" s="433"/>
      <c r="T138" s="433"/>
      <c r="U138" s="433"/>
      <c r="V138" s="433"/>
      <c r="W138" s="433"/>
      <c r="X138" s="470"/>
    </row>
    <row r="139" spans="1:24" s="58" customFormat="1" ht="13.5" customHeight="1">
      <c r="A139" s="142">
        <v>20980</v>
      </c>
      <c r="B139" s="142"/>
      <c r="C139" s="142"/>
      <c r="D139" s="142">
        <v>4338</v>
      </c>
      <c r="E139" s="142"/>
      <c r="F139" s="142"/>
      <c r="G139" s="142">
        <v>25318</v>
      </c>
      <c r="H139" s="142"/>
      <c r="I139" s="142"/>
      <c r="J139" s="431">
        <v>1.24</v>
      </c>
      <c r="K139" s="431"/>
      <c r="L139" s="431"/>
      <c r="M139" s="432">
        <v>11.8</v>
      </c>
      <c r="N139" s="432"/>
      <c r="O139" s="432"/>
      <c r="P139" s="432">
        <v>16.8</v>
      </c>
      <c r="Q139" s="432"/>
      <c r="R139" s="432"/>
      <c r="S139" s="433">
        <v>17037</v>
      </c>
      <c r="T139" s="433"/>
      <c r="U139" s="433"/>
      <c r="V139" s="433">
        <v>21942</v>
      </c>
      <c r="W139" s="433"/>
      <c r="X139" s="470"/>
    </row>
    <row r="140" spans="1:24" s="58" customFormat="1" ht="13.5" customHeight="1">
      <c r="A140" s="142"/>
      <c r="B140" s="142"/>
      <c r="C140" s="142"/>
      <c r="D140" s="142"/>
      <c r="E140" s="142"/>
      <c r="F140" s="142"/>
      <c r="G140" s="142"/>
      <c r="H140" s="142"/>
      <c r="I140" s="142"/>
      <c r="J140" s="431"/>
      <c r="K140" s="431"/>
      <c r="L140" s="431"/>
      <c r="M140" s="432"/>
      <c r="N140" s="432"/>
      <c r="O140" s="432"/>
      <c r="P140" s="432"/>
      <c r="Q140" s="432"/>
      <c r="R140" s="432"/>
      <c r="S140" s="433"/>
      <c r="T140" s="433"/>
      <c r="U140" s="433"/>
      <c r="V140" s="433"/>
      <c r="W140" s="433"/>
      <c r="X140" s="470"/>
    </row>
    <row r="141" spans="1:24" s="58" customFormat="1" ht="13.5" customHeight="1">
      <c r="A141" s="142">
        <v>14456</v>
      </c>
      <c r="B141" s="142"/>
      <c r="C141" s="142"/>
      <c r="D141" s="142">
        <v>3905</v>
      </c>
      <c r="E141" s="142"/>
      <c r="F141" s="142"/>
      <c r="G141" s="142">
        <v>18361</v>
      </c>
      <c r="H141" s="142"/>
      <c r="I141" s="142"/>
      <c r="J141" s="431">
        <v>1.24</v>
      </c>
      <c r="K141" s="431"/>
      <c r="L141" s="431"/>
      <c r="M141" s="432">
        <v>11.5</v>
      </c>
      <c r="N141" s="432"/>
      <c r="O141" s="432"/>
      <c r="P141" s="432">
        <v>20.6</v>
      </c>
      <c r="Q141" s="432"/>
      <c r="R141" s="432"/>
      <c r="S141" s="433">
        <v>12860</v>
      </c>
      <c r="T141" s="433"/>
      <c r="U141" s="433"/>
      <c r="V141" s="433">
        <v>16372</v>
      </c>
      <c r="W141" s="433"/>
      <c r="X141" s="470"/>
    </row>
    <row r="142" spans="1:24" s="58" customFormat="1" ht="13.5" customHeight="1">
      <c r="A142" s="142"/>
      <c r="B142" s="142"/>
      <c r="C142" s="142"/>
      <c r="D142" s="142"/>
      <c r="E142" s="142"/>
      <c r="F142" s="142"/>
      <c r="G142" s="142"/>
      <c r="H142" s="142"/>
      <c r="I142" s="142"/>
      <c r="J142" s="431"/>
      <c r="K142" s="431"/>
      <c r="L142" s="431"/>
      <c r="M142" s="432"/>
      <c r="N142" s="432"/>
      <c r="O142" s="432"/>
      <c r="P142" s="432"/>
      <c r="Q142" s="432"/>
      <c r="R142" s="432"/>
      <c r="S142" s="433"/>
      <c r="T142" s="433"/>
      <c r="U142" s="433"/>
      <c r="V142" s="433"/>
      <c r="W142" s="433"/>
      <c r="X142" s="470"/>
    </row>
    <row r="143" spans="1:24" s="29" customFormat="1" ht="13.5" customHeight="1">
      <c r="A143" s="142">
        <v>13959</v>
      </c>
      <c r="B143" s="142"/>
      <c r="C143" s="142"/>
      <c r="D143" s="142">
        <v>3549</v>
      </c>
      <c r="E143" s="142"/>
      <c r="F143" s="142"/>
      <c r="G143" s="142">
        <v>17508</v>
      </c>
      <c r="H143" s="142"/>
      <c r="I143" s="142"/>
      <c r="J143" s="431">
        <v>1.26</v>
      </c>
      <c r="K143" s="431"/>
      <c r="L143" s="431"/>
      <c r="M143" s="432">
        <v>11.4</v>
      </c>
      <c r="N143" s="432"/>
      <c r="O143" s="432"/>
      <c r="P143" s="432">
        <v>19.3</v>
      </c>
      <c r="Q143" s="432"/>
      <c r="R143" s="432"/>
      <c r="S143" s="433">
        <v>14253</v>
      </c>
      <c r="T143" s="433"/>
      <c r="U143" s="433"/>
      <c r="V143" s="433">
        <v>18181</v>
      </c>
      <c r="W143" s="433"/>
      <c r="X143" s="470"/>
    </row>
    <row r="144" spans="1:24" s="29" customFormat="1" ht="13.5" customHeight="1">
      <c r="A144" s="143"/>
      <c r="B144" s="143"/>
      <c r="C144" s="143"/>
      <c r="D144" s="143"/>
      <c r="E144" s="143"/>
      <c r="F144" s="143"/>
      <c r="G144" s="143"/>
      <c r="H144" s="143"/>
      <c r="I144" s="143"/>
      <c r="J144" s="434"/>
      <c r="K144" s="434"/>
      <c r="L144" s="434"/>
      <c r="M144" s="435"/>
      <c r="N144" s="435"/>
      <c r="O144" s="435"/>
      <c r="P144" s="435"/>
      <c r="Q144" s="435"/>
      <c r="R144" s="435"/>
      <c r="S144" s="465"/>
      <c r="T144" s="465"/>
      <c r="U144" s="465"/>
      <c r="V144" s="465"/>
      <c r="W144" s="465"/>
      <c r="X144" s="466"/>
    </row>
    <row r="145" spans="1:24" s="29" customFormat="1" ht="13.5" customHeight="1">
      <c r="A145" s="142"/>
      <c r="B145" s="142"/>
      <c r="C145" s="142"/>
      <c r="D145" s="142"/>
      <c r="E145" s="142"/>
      <c r="F145" s="142"/>
      <c r="G145" s="142"/>
      <c r="H145" s="142"/>
      <c r="I145" s="142"/>
      <c r="J145" s="431"/>
      <c r="K145" s="431"/>
      <c r="L145" s="431"/>
      <c r="M145" s="432"/>
      <c r="N145" s="432"/>
      <c r="O145" s="432"/>
      <c r="P145" s="432"/>
      <c r="Q145" s="432"/>
      <c r="R145" s="432"/>
      <c r="S145" s="433"/>
      <c r="T145" s="433"/>
      <c r="U145" s="433"/>
      <c r="V145" s="433"/>
      <c r="W145" s="433"/>
      <c r="X145" s="470"/>
    </row>
    <row r="146" spans="1:24" s="29" customFormat="1" ht="13.5" customHeight="1">
      <c r="A146" s="142">
        <v>13389</v>
      </c>
      <c r="B146" s="142"/>
      <c r="C146" s="142"/>
      <c r="D146" s="142">
        <v>4209</v>
      </c>
      <c r="E146" s="142"/>
      <c r="F146" s="142"/>
      <c r="G146" s="142">
        <v>17598</v>
      </c>
      <c r="H146" s="142"/>
      <c r="I146" s="142"/>
      <c r="J146" s="431">
        <v>1.32</v>
      </c>
      <c r="K146" s="431"/>
      <c r="L146" s="431"/>
      <c r="M146" s="432">
        <v>9.1</v>
      </c>
      <c r="N146" s="432"/>
      <c r="O146" s="432"/>
      <c r="P146" s="432">
        <v>26</v>
      </c>
      <c r="Q146" s="432"/>
      <c r="R146" s="432"/>
      <c r="S146" s="433">
        <v>14433</v>
      </c>
      <c r="T146" s="433"/>
      <c r="U146" s="433"/>
      <c r="V146" s="433">
        <v>19485</v>
      </c>
      <c r="W146" s="433"/>
      <c r="X146" s="470"/>
    </row>
    <row r="147" spans="1:24" s="29" customFormat="1" ht="13.5" customHeight="1">
      <c r="A147" s="142"/>
      <c r="B147" s="142"/>
      <c r="C147" s="142"/>
      <c r="D147" s="142"/>
      <c r="E147" s="142"/>
      <c r="F147" s="142"/>
      <c r="G147" s="142"/>
      <c r="H147" s="142"/>
      <c r="I147" s="142"/>
      <c r="J147" s="431"/>
      <c r="K147" s="431"/>
      <c r="L147" s="431"/>
      <c r="M147" s="432"/>
      <c r="N147" s="432"/>
      <c r="O147" s="432"/>
      <c r="P147" s="432"/>
      <c r="Q147" s="432"/>
      <c r="R147" s="432"/>
      <c r="S147" s="433"/>
      <c r="T147" s="433"/>
      <c r="U147" s="433"/>
      <c r="V147" s="433"/>
      <c r="W147" s="433"/>
      <c r="X147" s="470"/>
    </row>
    <row r="148" spans="1:24" s="29" customFormat="1" ht="13.5" customHeight="1">
      <c r="A148" s="429">
        <v>12336</v>
      </c>
      <c r="B148" s="429"/>
      <c r="C148" s="429"/>
      <c r="D148" s="429">
        <v>4204</v>
      </c>
      <c r="E148" s="429"/>
      <c r="F148" s="429"/>
      <c r="G148" s="429">
        <v>16540</v>
      </c>
      <c r="H148" s="429"/>
      <c r="I148" s="429"/>
      <c r="J148" s="561">
        <v>1.31</v>
      </c>
      <c r="K148" s="561"/>
      <c r="L148" s="561"/>
      <c r="M148" s="562">
        <v>10</v>
      </c>
      <c r="N148" s="562"/>
      <c r="O148" s="562"/>
      <c r="P148" s="562">
        <v>28</v>
      </c>
      <c r="Q148" s="562"/>
      <c r="R148" s="562"/>
      <c r="S148" s="433">
        <v>12990</v>
      </c>
      <c r="T148" s="433"/>
      <c r="U148" s="433"/>
      <c r="V148" s="433">
        <v>17147</v>
      </c>
      <c r="W148" s="433"/>
      <c r="X148" s="470"/>
    </row>
    <row r="149" spans="1:24" s="29" customFormat="1" ht="13.5" customHeight="1">
      <c r="A149" s="143"/>
      <c r="B149" s="143"/>
      <c r="C149" s="143"/>
      <c r="D149" s="143"/>
      <c r="E149" s="143"/>
      <c r="F149" s="143"/>
      <c r="G149" s="143"/>
      <c r="H149" s="143"/>
      <c r="I149" s="143"/>
      <c r="J149" s="434"/>
      <c r="K149" s="434"/>
      <c r="L149" s="434"/>
      <c r="M149" s="435"/>
      <c r="N149" s="435"/>
      <c r="O149" s="435"/>
      <c r="P149" s="435"/>
      <c r="Q149" s="435"/>
      <c r="R149" s="435"/>
      <c r="S149" s="465"/>
      <c r="T149" s="465"/>
      <c r="U149" s="465"/>
      <c r="V149" s="465"/>
      <c r="W149" s="465"/>
      <c r="X149" s="466"/>
    </row>
    <row r="150" spans="1:24" s="29" customFormat="1" ht="13.5" customHeight="1">
      <c r="A150" s="142"/>
      <c r="B150" s="142"/>
      <c r="C150" s="142"/>
      <c r="D150" s="142"/>
      <c r="E150" s="142"/>
      <c r="F150" s="142"/>
      <c r="G150" s="142"/>
      <c r="H150" s="142"/>
      <c r="I150" s="142"/>
      <c r="J150" s="431"/>
      <c r="K150" s="431"/>
      <c r="L150" s="431"/>
      <c r="M150" s="432"/>
      <c r="N150" s="432"/>
      <c r="O150" s="432"/>
      <c r="P150" s="432"/>
      <c r="Q150" s="432"/>
      <c r="R150" s="432"/>
      <c r="S150" s="433"/>
      <c r="T150" s="433"/>
      <c r="U150" s="433"/>
      <c r="V150" s="433"/>
      <c r="W150" s="433"/>
      <c r="X150" s="470"/>
    </row>
    <row r="151" spans="1:24" s="29" customFormat="1" ht="13.5" customHeight="1">
      <c r="A151" s="429">
        <v>6972</v>
      </c>
      <c r="B151" s="429"/>
      <c r="C151" s="429"/>
      <c r="D151" s="429">
        <v>2257</v>
      </c>
      <c r="E151" s="429"/>
      <c r="F151" s="429"/>
      <c r="G151" s="429">
        <v>9229</v>
      </c>
      <c r="H151" s="429"/>
      <c r="I151" s="429"/>
      <c r="J151" s="561">
        <v>1.28</v>
      </c>
      <c r="K151" s="561"/>
      <c r="L151" s="561"/>
      <c r="M151" s="562">
        <v>10.4</v>
      </c>
      <c r="N151" s="562"/>
      <c r="O151" s="562"/>
      <c r="P151" s="562">
        <v>26.8</v>
      </c>
      <c r="Q151" s="562"/>
      <c r="R151" s="562"/>
      <c r="S151" s="433">
        <v>7369</v>
      </c>
      <c r="T151" s="433"/>
      <c r="U151" s="433"/>
      <c r="V151" s="433">
        <v>9653</v>
      </c>
      <c r="W151" s="433"/>
      <c r="X151" s="470"/>
    </row>
    <row r="152" spans="1:24" s="29" customFormat="1" ht="13.5" customHeight="1">
      <c r="A152" s="142"/>
      <c r="B152" s="142"/>
      <c r="C152" s="142"/>
      <c r="D152" s="142"/>
      <c r="E152" s="142"/>
      <c r="F152" s="142"/>
      <c r="G152" s="142"/>
      <c r="H152" s="142"/>
      <c r="I152" s="142"/>
      <c r="J152" s="431"/>
      <c r="K152" s="431"/>
      <c r="L152" s="431"/>
      <c r="M152" s="432"/>
      <c r="N152" s="432"/>
      <c r="O152" s="432"/>
      <c r="P152" s="432"/>
      <c r="Q152" s="432"/>
      <c r="R152" s="432"/>
      <c r="S152" s="433"/>
      <c r="T152" s="433"/>
      <c r="U152" s="433"/>
      <c r="V152" s="433"/>
      <c r="W152" s="433"/>
      <c r="X152" s="470"/>
    </row>
    <row r="153" spans="1:24" s="29" customFormat="1" ht="13.5" customHeight="1">
      <c r="A153" s="142">
        <v>7900</v>
      </c>
      <c r="B153" s="142"/>
      <c r="C153" s="142"/>
      <c r="D153" s="142">
        <v>1000</v>
      </c>
      <c r="E153" s="142"/>
      <c r="F153" s="142"/>
      <c r="G153" s="142">
        <v>8900</v>
      </c>
      <c r="H153" s="142"/>
      <c r="I153" s="142"/>
      <c r="J153" s="431">
        <v>1.28</v>
      </c>
      <c r="K153" s="431"/>
      <c r="L153" s="431"/>
      <c r="M153" s="432">
        <v>9.1999999999999993</v>
      </c>
      <c r="N153" s="432"/>
      <c r="O153" s="432"/>
      <c r="P153" s="432">
        <v>9.9</v>
      </c>
      <c r="Q153" s="432"/>
      <c r="R153" s="432"/>
      <c r="S153" s="433">
        <v>8011</v>
      </c>
      <c r="T153" s="433"/>
      <c r="U153" s="433"/>
      <c r="V153" s="433">
        <v>10494</v>
      </c>
      <c r="W153" s="433"/>
      <c r="X153" s="470"/>
    </row>
    <row r="154" spans="1:24" s="29" customFormat="1" ht="13.5" customHeight="1">
      <c r="A154" s="143"/>
      <c r="B154" s="143"/>
      <c r="C154" s="143"/>
      <c r="D154" s="143"/>
      <c r="E154" s="143"/>
      <c r="F154" s="143"/>
      <c r="G154" s="143"/>
      <c r="H154" s="143"/>
      <c r="I154" s="143"/>
      <c r="J154" s="434"/>
      <c r="K154" s="434"/>
      <c r="L154" s="434"/>
      <c r="M154" s="435"/>
      <c r="N154" s="435"/>
      <c r="O154" s="435"/>
      <c r="P154" s="435"/>
      <c r="Q154" s="435"/>
      <c r="R154" s="435"/>
      <c r="S154" s="465"/>
      <c r="T154" s="465"/>
      <c r="U154" s="465"/>
      <c r="V154" s="465"/>
      <c r="W154" s="465"/>
      <c r="X154" s="466"/>
    </row>
    <row r="155" spans="1:24" s="29" customFormat="1" ht="13.5" customHeight="1">
      <c r="A155" s="142"/>
      <c r="B155" s="142"/>
      <c r="C155" s="142"/>
      <c r="D155" s="142"/>
      <c r="E155" s="142"/>
      <c r="F155" s="142"/>
      <c r="G155" s="142"/>
      <c r="H155" s="142"/>
      <c r="I155" s="142"/>
      <c r="J155" s="431"/>
      <c r="K155" s="431"/>
      <c r="L155" s="431"/>
      <c r="M155" s="432"/>
      <c r="N155" s="432"/>
      <c r="O155" s="432"/>
      <c r="P155" s="432"/>
      <c r="Q155" s="432"/>
      <c r="R155" s="432"/>
      <c r="S155" s="433"/>
      <c r="T155" s="433"/>
      <c r="U155" s="433"/>
      <c r="V155" s="433"/>
      <c r="W155" s="433"/>
      <c r="X155" s="470"/>
    </row>
    <row r="156" spans="1:24" s="29" customFormat="1" ht="13.5" customHeight="1">
      <c r="A156" s="142">
        <v>19449</v>
      </c>
      <c r="B156" s="142"/>
      <c r="C156" s="142"/>
      <c r="D156" s="142">
        <v>2339</v>
      </c>
      <c r="E156" s="142"/>
      <c r="F156" s="142"/>
      <c r="G156" s="142">
        <v>21788</v>
      </c>
      <c r="H156" s="142"/>
      <c r="I156" s="142"/>
      <c r="J156" s="431">
        <v>1.32</v>
      </c>
      <c r="K156" s="431"/>
      <c r="L156" s="431"/>
      <c r="M156" s="432">
        <v>10.3</v>
      </c>
      <c r="N156" s="432"/>
      <c r="O156" s="432"/>
      <c r="P156" s="432">
        <v>8.6999999999999993</v>
      </c>
      <c r="Q156" s="432"/>
      <c r="R156" s="432"/>
      <c r="S156" s="433">
        <v>13789</v>
      </c>
      <c r="T156" s="433"/>
      <c r="U156" s="433"/>
      <c r="V156" s="433">
        <v>18339</v>
      </c>
      <c r="W156" s="433"/>
      <c r="X156" s="470"/>
    </row>
    <row r="157" spans="1:24" s="29" customFormat="1" ht="13.5" customHeight="1">
      <c r="A157" s="142"/>
      <c r="B157" s="142"/>
      <c r="C157" s="142"/>
      <c r="D157" s="142"/>
      <c r="E157" s="142"/>
      <c r="F157" s="142"/>
      <c r="G157" s="142"/>
      <c r="H157" s="142"/>
      <c r="I157" s="142"/>
      <c r="J157" s="431"/>
      <c r="K157" s="431"/>
      <c r="L157" s="431"/>
      <c r="M157" s="432"/>
      <c r="N157" s="432"/>
      <c r="O157" s="432"/>
      <c r="P157" s="432"/>
      <c r="Q157" s="432"/>
      <c r="R157" s="432"/>
      <c r="S157" s="433"/>
      <c r="T157" s="433"/>
      <c r="U157" s="433"/>
      <c r="V157" s="433"/>
      <c r="W157" s="433"/>
      <c r="X157" s="470"/>
    </row>
    <row r="158" spans="1:24" s="29" customFormat="1" ht="13.5" customHeight="1">
      <c r="A158" s="142">
        <v>19116</v>
      </c>
      <c r="B158" s="142"/>
      <c r="C158" s="142"/>
      <c r="D158" s="142">
        <v>2556</v>
      </c>
      <c r="E158" s="142"/>
      <c r="F158" s="142"/>
      <c r="G158" s="142">
        <v>21672</v>
      </c>
      <c r="H158" s="142"/>
      <c r="I158" s="142"/>
      <c r="J158" s="431">
        <v>1.3</v>
      </c>
      <c r="K158" s="431"/>
      <c r="L158" s="431"/>
      <c r="M158" s="432">
        <v>12.2</v>
      </c>
      <c r="N158" s="432"/>
      <c r="O158" s="432"/>
      <c r="P158" s="432">
        <v>10.4</v>
      </c>
      <c r="Q158" s="432"/>
      <c r="R158" s="432"/>
      <c r="S158" s="433">
        <v>10763</v>
      </c>
      <c r="T158" s="433"/>
      <c r="U158" s="433"/>
      <c r="V158" s="433">
        <v>14207</v>
      </c>
      <c r="W158" s="433"/>
      <c r="X158" s="470"/>
    </row>
    <row r="159" spans="1:24" s="29" customFormat="1" ht="13.5" customHeight="1">
      <c r="A159" s="142"/>
      <c r="B159" s="142"/>
      <c r="C159" s="142"/>
      <c r="D159" s="142"/>
      <c r="E159" s="142"/>
      <c r="F159" s="142"/>
      <c r="G159" s="142"/>
      <c r="H159" s="142"/>
      <c r="I159" s="142"/>
      <c r="J159" s="431"/>
      <c r="K159" s="431"/>
      <c r="L159" s="431"/>
      <c r="M159" s="432"/>
      <c r="N159" s="432"/>
      <c r="O159" s="432"/>
      <c r="P159" s="432"/>
      <c r="Q159" s="432"/>
      <c r="R159" s="432"/>
      <c r="S159" s="433"/>
      <c r="T159" s="433"/>
      <c r="U159" s="433"/>
      <c r="V159" s="433"/>
      <c r="W159" s="433"/>
      <c r="X159" s="470"/>
    </row>
    <row r="160" spans="1:24" s="29" customFormat="1" ht="13.5" customHeight="1">
      <c r="A160" s="429">
        <v>12345</v>
      </c>
      <c r="B160" s="429"/>
      <c r="C160" s="429"/>
      <c r="D160" s="429">
        <v>1312</v>
      </c>
      <c r="E160" s="429"/>
      <c r="F160" s="429"/>
      <c r="G160" s="429">
        <v>13657</v>
      </c>
      <c r="H160" s="429"/>
      <c r="I160" s="429"/>
      <c r="J160" s="561">
        <v>1.3</v>
      </c>
      <c r="K160" s="561"/>
      <c r="L160" s="561"/>
      <c r="M160" s="562">
        <v>12.5</v>
      </c>
      <c r="N160" s="562"/>
      <c r="O160" s="562"/>
      <c r="P160" s="562">
        <v>7.6</v>
      </c>
      <c r="Q160" s="562"/>
      <c r="R160" s="562"/>
      <c r="S160" s="563" t="s">
        <v>188</v>
      </c>
      <c r="T160" s="563"/>
      <c r="U160" s="563"/>
      <c r="V160" s="563" t="s">
        <v>188</v>
      </c>
      <c r="W160" s="563"/>
      <c r="X160" s="564"/>
    </row>
    <row r="161" spans="1:24" s="29" customFormat="1" ht="13.5" customHeight="1">
      <c r="A161" s="143"/>
      <c r="B161" s="143"/>
      <c r="C161" s="143"/>
      <c r="D161" s="143"/>
      <c r="E161" s="143"/>
      <c r="F161" s="143"/>
      <c r="G161" s="143"/>
      <c r="H161" s="143"/>
      <c r="I161" s="143"/>
      <c r="J161" s="434"/>
      <c r="K161" s="434"/>
      <c r="L161" s="434"/>
      <c r="M161" s="435"/>
      <c r="N161" s="435"/>
      <c r="O161" s="435"/>
      <c r="P161" s="435"/>
      <c r="Q161" s="435"/>
      <c r="R161" s="435"/>
      <c r="S161" s="465"/>
      <c r="T161" s="465"/>
      <c r="U161" s="465"/>
      <c r="V161" s="465"/>
      <c r="W161" s="465"/>
      <c r="X161" s="466"/>
    </row>
    <row r="162" spans="1:24" s="29" customFormat="1" ht="13.5" customHeight="1">
      <c r="A162" s="142"/>
      <c r="B162" s="142"/>
      <c r="C162" s="142"/>
      <c r="D162" s="142"/>
      <c r="E162" s="142"/>
      <c r="F162" s="142"/>
      <c r="G162" s="142"/>
      <c r="H162" s="142"/>
      <c r="I162" s="142"/>
      <c r="J162" s="431"/>
      <c r="K162" s="431"/>
      <c r="L162" s="431"/>
      <c r="M162" s="432"/>
      <c r="N162" s="432"/>
      <c r="O162" s="432"/>
      <c r="P162" s="432"/>
      <c r="Q162" s="432"/>
      <c r="R162" s="432"/>
      <c r="S162" s="433"/>
      <c r="T162" s="433"/>
      <c r="U162" s="433"/>
      <c r="V162" s="433"/>
      <c r="W162" s="433"/>
      <c r="X162" s="470"/>
    </row>
    <row r="163" spans="1:24" s="29" customFormat="1" ht="13.5" customHeight="1">
      <c r="A163" s="142">
        <v>889</v>
      </c>
      <c r="B163" s="142"/>
      <c r="C163" s="142"/>
      <c r="D163" s="142">
        <v>107</v>
      </c>
      <c r="E163" s="142"/>
      <c r="F163" s="142"/>
      <c r="G163" s="142">
        <v>996</v>
      </c>
      <c r="H163" s="142"/>
      <c r="I163" s="142"/>
      <c r="J163" s="431">
        <v>1.28</v>
      </c>
      <c r="K163" s="431"/>
      <c r="L163" s="431"/>
      <c r="M163" s="432">
        <v>14.5</v>
      </c>
      <c r="N163" s="432"/>
      <c r="O163" s="432"/>
      <c r="P163" s="432">
        <v>8.9</v>
      </c>
      <c r="Q163" s="432"/>
      <c r="R163" s="432"/>
      <c r="S163" s="433">
        <v>6001</v>
      </c>
      <c r="T163" s="433"/>
      <c r="U163" s="433"/>
      <c r="V163" s="433">
        <v>7261</v>
      </c>
      <c r="W163" s="433"/>
      <c r="X163" s="470"/>
    </row>
    <row r="164" spans="1:24" s="29" customFormat="1" ht="13.5" customHeight="1">
      <c r="A164" s="142"/>
      <c r="B164" s="142"/>
      <c r="C164" s="142"/>
      <c r="D164" s="142"/>
      <c r="E164" s="142"/>
      <c r="F164" s="142"/>
      <c r="G164" s="142"/>
      <c r="H164" s="142"/>
      <c r="I164" s="142"/>
      <c r="J164" s="431"/>
      <c r="K164" s="431"/>
      <c r="L164" s="431"/>
      <c r="M164" s="432"/>
      <c r="N164" s="432"/>
      <c r="O164" s="432"/>
      <c r="P164" s="432"/>
      <c r="Q164" s="432"/>
      <c r="R164" s="432"/>
      <c r="S164" s="433"/>
      <c r="T164" s="433"/>
      <c r="U164" s="433"/>
      <c r="V164" s="433"/>
      <c r="W164" s="433"/>
      <c r="X164" s="470"/>
    </row>
    <row r="165" spans="1:24" s="29" customFormat="1" ht="13.5" customHeight="1">
      <c r="A165" s="429">
        <v>1069</v>
      </c>
      <c r="B165" s="429"/>
      <c r="C165" s="429"/>
      <c r="D165" s="429">
        <v>69</v>
      </c>
      <c r="E165" s="429"/>
      <c r="F165" s="429"/>
      <c r="G165" s="429">
        <v>1138</v>
      </c>
      <c r="H165" s="429"/>
      <c r="I165" s="429"/>
      <c r="J165" s="561">
        <v>1.18</v>
      </c>
      <c r="K165" s="561"/>
      <c r="L165" s="561"/>
      <c r="M165" s="562">
        <v>12.9</v>
      </c>
      <c r="N165" s="562"/>
      <c r="O165" s="562"/>
      <c r="P165" s="562">
        <v>4</v>
      </c>
      <c r="Q165" s="562"/>
      <c r="R165" s="562"/>
      <c r="S165" s="433">
        <v>1013</v>
      </c>
      <c r="T165" s="433"/>
      <c r="U165" s="433"/>
      <c r="V165" s="433">
        <v>1226</v>
      </c>
      <c r="W165" s="433"/>
      <c r="X165" s="470"/>
    </row>
    <row r="166" spans="1:24" s="29" customFormat="1" ht="13.5" customHeight="1">
      <c r="A166" s="142"/>
      <c r="B166" s="142"/>
      <c r="C166" s="142"/>
      <c r="D166" s="142"/>
      <c r="E166" s="142"/>
      <c r="F166" s="142"/>
      <c r="G166" s="142"/>
      <c r="H166" s="142"/>
      <c r="I166" s="142"/>
      <c r="J166" s="431"/>
      <c r="K166" s="431"/>
      <c r="L166" s="431"/>
      <c r="M166" s="432"/>
      <c r="N166" s="432"/>
      <c r="O166" s="432"/>
      <c r="P166" s="432"/>
      <c r="Q166" s="432"/>
      <c r="R166" s="432"/>
      <c r="S166" s="433"/>
      <c r="T166" s="433"/>
      <c r="U166" s="433"/>
      <c r="V166" s="433"/>
      <c r="W166" s="433"/>
      <c r="X166" s="470"/>
    </row>
    <row r="167" spans="1:24" s="29" customFormat="1" ht="13.5" customHeight="1">
      <c r="A167" s="142">
        <v>5950</v>
      </c>
      <c r="B167" s="142"/>
      <c r="C167" s="142"/>
      <c r="D167" s="142">
        <v>1420</v>
      </c>
      <c r="E167" s="142"/>
      <c r="F167" s="142"/>
      <c r="G167" s="142">
        <v>7370</v>
      </c>
      <c r="H167" s="142"/>
      <c r="I167" s="142"/>
      <c r="J167" s="431">
        <v>1.27</v>
      </c>
      <c r="K167" s="431"/>
      <c r="L167" s="431"/>
      <c r="M167" s="432">
        <v>10.1</v>
      </c>
      <c r="N167" s="432"/>
      <c r="O167" s="432"/>
      <c r="P167" s="432">
        <v>19.3</v>
      </c>
      <c r="Q167" s="432"/>
      <c r="R167" s="432"/>
      <c r="S167" s="433">
        <v>5236</v>
      </c>
      <c r="T167" s="433"/>
      <c r="U167" s="433"/>
      <c r="V167" s="433">
        <v>6807</v>
      </c>
      <c r="W167" s="433"/>
      <c r="X167" s="470"/>
    </row>
    <row r="168" spans="1:24" s="29" customFormat="1" ht="13.5" customHeight="1">
      <c r="A168" s="142"/>
      <c r="B168" s="142"/>
      <c r="C168" s="142"/>
      <c r="D168" s="142"/>
      <c r="E168" s="142"/>
      <c r="F168" s="142"/>
      <c r="G168" s="142"/>
      <c r="H168" s="142"/>
      <c r="I168" s="142"/>
      <c r="J168" s="431"/>
      <c r="K168" s="431"/>
      <c r="L168" s="431"/>
      <c r="M168" s="432"/>
      <c r="N168" s="432"/>
      <c r="O168" s="432"/>
      <c r="P168" s="432"/>
      <c r="Q168" s="432"/>
      <c r="R168" s="432"/>
      <c r="S168" s="433"/>
      <c r="T168" s="433"/>
      <c r="U168" s="433"/>
      <c r="V168" s="433"/>
      <c r="W168" s="433"/>
      <c r="X168" s="470"/>
    </row>
    <row r="169" spans="1:24" s="29" customFormat="1" ht="13.5" customHeight="1">
      <c r="A169" s="142">
        <v>10780</v>
      </c>
      <c r="B169" s="142"/>
      <c r="C169" s="142"/>
      <c r="D169" s="142">
        <v>1460</v>
      </c>
      <c r="E169" s="142"/>
      <c r="F169" s="142"/>
      <c r="G169" s="142">
        <v>12240</v>
      </c>
      <c r="H169" s="142"/>
      <c r="I169" s="142"/>
      <c r="J169" s="431">
        <v>1.29</v>
      </c>
      <c r="K169" s="431"/>
      <c r="L169" s="431"/>
      <c r="M169" s="432">
        <v>9.6999999999999993</v>
      </c>
      <c r="N169" s="432"/>
      <c r="O169" s="432"/>
      <c r="P169" s="432">
        <v>10.8</v>
      </c>
      <c r="Q169" s="432"/>
      <c r="R169" s="432"/>
      <c r="S169" s="433">
        <v>10450</v>
      </c>
      <c r="T169" s="433"/>
      <c r="U169" s="433"/>
      <c r="V169" s="433">
        <v>13794</v>
      </c>
      <c r="W169" s="433"/>
      <c r="X169" s="470"/>
    </row>
    <row r="170" spans="1:24" s="29" customFormat="1" ht="13.5" customHeight="1">
      <c r="A170" s="143"/>
      <c r="B170" s="143"/>
      <c r="C170" s="143"/>
      <c r="D170" s="143"/>
      <c r="E170" s="143"/>
      <c r="F170" s="143"/>
      <c r="G170" s="143"/>
      <c r="H170" s="143"/>
      <c r="I170" s="143"/>
      <c r="J170" s="434"/>
      <c r="K170" s="434"/>
      <c r="L170" s="434"/>
      <c r="M170" s="435"/>
      <c r="N170" s="435"/>
      <c r="O170" s="435"/>
      <c r="P170" s="435"/>
      <c r="Q170" s="435"/>
      <c r="R170" s="435"/>
      <c r="S170" s="465"/>
      <c r="T170" s="465"/>
      <c r="U170" s="465"/>
      <c r="V170" s="465"/>
      <c r="W170" s="465"/>
      <c r="X170" s="466"/>
    </row>
    <row r="171" spans="1:24" s="29" customFormat="1" ht="13.5" customHeight="1">
      <c r="A171" s="142"/>
      <c r="B171" s="142"/>
      <c r="C171" s="142"/>
      <c r="D171" s="142"/>
      <c r="E171" s="142"/>
      <c r="F171" s="142"/>
      <c r="G171" s="142"/>
      <c r="H171" s="142"/>
      <c r="I171" s="142"/>
      <c r="J171" s="431"/>
      <c r="K171" s="431"/>
      <c r="L171" s="431"/>
      <c r="M171" s="432"/>
      <c r="N171" s="432"/>
      <c r="O171" s="432"/>
      <c r="P171" s="432"/>
      <c r="Q171" s="432"/>
      <c r="R171" s="432"/>
      <c r="S171" s="433"/>
      <c r="T171" s="433"/>
      <c r="U171" s="433"/>
      <c r="V171" s="433"/>
      <c r="W171" s="433"/>
      <c r="X171" s="470"/>
    </row>
    <row r="172" spans="1:24" s="29" customFormat="1" ht="13.5" customHeight="1">
      <c r="A172" s="142">
        <v>962</v>
      </c>
      <c r="B172" s="142"/>
      <c r="C172" s="142"/>
      <c r="D172" s="142">
        <v>689</v>
      </c>
      <c r="E172" s="142"/>
      <c r="F172" s="142"/>
      <c r="G172" s="142">
        <v>1651</v>
      </c>
      <c r="H172" s="142"/>
      <c r="I172" s="142"/>
      <c r="J172" s="431">
        <v>1.28</v>
      </c>
      <c r="K172" s="431"/>
      <c r="L172" s="431"/>
      <c r="M172" s="432">
        <v>12.2</v>
      </c>
      <c r="N172" s="432"/>
      <c r="O172" s="432"/>
      <c r="P172" s="432">
        <v>46.4</v>
      </c>
      <c r="Q172" s="432"/>
      <c r="R172" s="432"/>
      <c r="S172" s="433">
        <v>2747</v>
      </c>
      <c r="T172" s="433"/>
      <c r="U172" s="433"/>
      <c r="V172" s="433">
        <v>3461</v>
      </c>
      <c r="W172" s="433"/>
      <c r="X172" s="470"/>
    </row>
    <row r="173" spans="1:24" s="29" customFormat="1" ht="13.5" customHeight="1">
      <c r="A173" s="142"/>
      <c r="B173" s="142"/>
      <c r="C173" s="142"/>
      <c r="D173" s="142"/>
      <c r="E173" s="142"/>
      <c r="F173" s="142"/>
      <c r="G173" s="142"/>
      <c r="H173" s="142"/>
      <c r="I173" s="142"/>
      <c r="J173" s="431"/>
      <c r="K173" s="431"/>
      <c r="L173" s="431"/>
      <c r="M173" s="432"/>
      <c r="N173" s="432"/>
      <c r="O173" s="432"/>
      <c r="P173" s="432"/>
      <c r="Q173" s="432"/>
      <c r="R173" s="432"/>
      <c r="S173" s="433"/>
      <c r="T173" s="433"/>
      <c r="U173" s="433"/>
      <c r="V173" s="433"/>
      <c r="W173" s="433"/>
      <c r="X173" s="470"/>
    </row>
    <row r="174" spans="1:24" s="29" customFormat="1" ht="13.5" customHeight="1">
      <c r="A174" s="429">
        <v>5420</v>
      </c>
      <c r="B174" s="429"/>
      <c r="C174" s="429"/>
      <c r="D174" s="429">
        <v>1091</v>
      </c>
      <c r="E174" s="429"/>
      <c r="F174" s="429"/>
      <c r="G174" s="429">
        <v>6511</v>
      </c>
      <c r="H174" s="429"/>
      <c r="I174" s="429"/>
      <c r="J174" s="561">
        <v>1.27</v>
      </c>
      <c r="K174" s="561"/>
      <c r="L174" s="561"/>
      <c r="M174" s="562">
        <v>11.2</v>
      </c>
      <c r="N174" s="562"/>
      <c r="O174" s="562"/>
      <c r="P174" s="562">
        <v>16.100000000000001</v>
      </c>
      <c r="Q174" s="562"/>
      <c r="R174" s="562"/>
      <c r="S174" s="433">
        <v>5236</v>
      </c>
      <c r="T174" s="433"/>
      <c r="U174" s="433"/>
      <c r="V174" s="433">
        <v>6807</v>
      </c>
      <c r="W174" s="433"/>
      <c r="X174" s="470"/>
    </row>
    <row r="175" spans="1:24" s="29" customFormat="1" ht="13.5" customHeight="1">
      <c r="A175" s="143"/>
      <c r="B175" s="143"/>
      <c r="C175" s="143"/>
      <c r="D175" s="143"/>
      <c r="E175" s="143"/>
      <c r="F175" s="143"/>
      <c r="G175" s="143"/>
      <c r="H175" s="143"/>
      <c r="I175" s="143"/>
      <c r="J175" s="434"/>
      <c r="K175" s="434"/>
      <c r="L175" s="434"/>
      <c r="M175" s="435"/>
      <c r="N175" s="435"/>
      <c r="O175" s="435"/>
      <c r="P175" s="435"/>
      <c r="Q175" s="435"/>
      <c r="R175" s="435"/>
      <c r="S175" s="465"/>
      <c r="T175" s="465"/>
      <c r="U175" s="465"/>
      <c r="V175" s="465"/>
      <c r="W175" s="465"/>
      <c r="X175" s="466"/>
    </row>
    <row r="176" spans="1:24" s="29" customFormat="1" ht="13.5" customHeight="1">
      <c r="A176" s="142"/>
      <c r="B176" s="142"/>
      <c r="C176" s="142"/>
      <c r="D176" s="142"/>
      <c r="E176" s="142"/>
      <c r="F176" s="142"/>
      <c r="G176" s="142"/>
      <c r="H176" s="142"/>
      <c r="I176" s="142"/>
      <c r="J176" s="431"/>
      <c r="K176" s="431"/>
      <c r="L176" s="431"/>
      <c r="M176" s="432"/>
      <c r="N176" s="432"/>
      <c r="O176" s="432"/>
      <c r="P176" s="432"/>
      <c r="Q176" s="432"/>
      <c r="R176" s="432"/>
      <c r="S176" s="433"/>
      <c r="T176" s="433"/>
      <c r="U176" s="433"/>
      <c r="V176" s="433"/>
      <c r="W176" s="433"/>
      <c r="X176" s="470"/>
    </row>
    <row r="177" spans="1:53" s="52" customFormat="1" ht="12.75" customHeight="1">
      <c r="A177" s="142">
        <v>4350</v>
      </c>
      <c r="B177" s="142"/>
      <c r="C177" s="142"/>
      <c r="D177" s="142">
        <v>2047</v>
      </c>
      <c r="E177" s="142"/>
      <c r="F177" s="142"/>
      <c r="G177" s="142">
        <v>6397</v>
      </c>
      <c r="H177" s="142"/>
      <c r="I177" s="142"/>
      <c r="J177" s="431">
        <v>1.28</v>
      </c>
      <c r="K177" s="431"/>
      <c r="L177" s="431"/>
      <c r="M177" s="432">
        <v>11.4</v>
      </c>
      <c r="N177" s="432"/>
      <c r="O177" s="432"/>
      <c r="P177" s="432">
        <v>35.799999999999997</v>
      </c>
      <c r="Q177" s="432"/>
      <c r="R177" s="432"/>
      <c r="S177" s="433">
        <v>5548</v>
      </c>
      <c r="T177" s="433"/>
      <c r="U177" s="433"/>
      <c r="V177" s="433">
        <v>7212</v>
      </c>
      <c r="W177" s="433"/>
      <c r="X177" s="470"/>
      <c r="Y177" s="29"/>
      <c r="Z177" s="29"/>
      <c r="AA177" s="29"/>
      <c r="AB177" s="29"/>
      <c r="AC177" s="29"/>
      <c r="AD177" s="29"/>
      <c r="AE177" s="29"/>
      <c r="AF177" s="29"/>
      <c r="AG177" s="29"/>
    </row>
    <row r="178" spans="1:53" s="52" customFormat="1" ht="12.75" customHeight="1">
      <c r="A178" s="143"/>
      <c r="B178" s="143"/>
      <c r="C178" s="143"/>
      <c r="D178" s="143"/>
      <c r="E178" s="143"/>
      <c r="F178" s="143"/>
      <c r="G178" s="143"/>
      <c r="H178" s="143"/>
      <c r="I178" s="143"/>
      <c r="J178" s="434"/>
      <c r="K178" s="434"/>
      <c r="L178" s="434"/>
      <c r="M178" s="435"/>
      <c r="N178" s="435"/>
      <c r="O178" s="435"/>
      <c r="P178" s="435"/>
      <c r="Q178" s="435"/>
      <c r="R178" s="435"/>
      <c r="S178" s="465"/>
      <c r="T178" s="465"/>
      <c r="U178" s="465"/>
      <c r="V178" s="465"/>
      <c r="W178" s="465"/>
      <c r="X178" s="466"/>
      <c r="Y178" s="29"/>
      <c r="Z178" s="29"/>
      <c r="AA178" s="29"/>
      <c r="AB178" s="29"/>
      <c r="AC178" s="29"/>
      <c r="AD178" s="29"/>
      <c r="AE178" s="29"/>
      <c r="AF178" s="29"/>
      <c r="AG178" s="29"/>
    </row>
    <row r="179" spans="1:53" s="52" customFormat="1" ht="12.75" customHeight="1">
      <c r="A179" s="142"/>
      <c r="B179" s="142"/>
      <c r="C179" s="142"/>
      <c r="D179" s="142"/>
      <c r="E179" s="142"/>
      <c r="F179" s="142"/>
      <c r="G179" s="142"/>
      <c r="H179" s="142"/>
      <c r="I179" s="142"/>
      <c r="J179" s="431"/>
      <c r="K179" s="431"/>
      <c r="L179" s="431"/>
      <c r="M179" s="432"/>
      <c r="N179" s="432"/>
      <c r="O179" s="432"/>
      <c r="P179" s="432"/>
      <c r="Q179" s="432"/>
      <c r="R179" s="432"/>
      <c r="S179" s="433"/>
      <c r="T179" s="433"/>
      <c r="U179" s="433"/>
      <c r="V179" s="433"/>
      <c r="W179" s="433"/>
      <c r="X179" s="470"/>
      <c r="Y179" s="29"/>
      <c r="Z179" s="29"/>
      <c r="AA179" s="29"/>
      <c r="AB179" s="29"/>
      <c r="AC179" s="29"/>
      <c r="AD179" s="29"/>
      <c r="AE179" s="29"/>
      <c r="AF179" s="29"/>
      <c r="AG179" s="29"/>
    </row>
    <row r="180" spans="1:53" s="52" customFormat="1" ht="12.75" customHeight="1">
      <c r="A180" s="429">
        <v>4093</v>
      </c>
      <c r="B180" s="429"/>
      <c r="C180" s="429"/>
      <c r="D180" s="429">
        <v>268</v>
      </c>
      <c r="E180" s="429"/>
      <c r="F180" s="429"/>
      <c r="G180" s="429">
        <v>4361</v>
      </c>
      <c r="H180" s="429"/>
      <c r="I180" s="429"/>
      <c r="J180" s="561">
        <v>1.21</v>
      </c>
      <c r="K180" s="561"/>
      <c r="L180" s="561"/>
      <c r="M180" s="562">
        <v>11.5</v>
      </c>
      <c r="N180" s="562"/>
      <c r="O180" s="562"/>
      <c r="P180" s="562">
        <v>6.9</v>
      </c>
      <c r="Q180" s="562"/>
      <c r="R180" s="562"/>
      <c r="S180" s="433">
        <v>3684</v>
      </c>
      <c r="T180" s="433"/>
      <c r="U180" s="433"/>
      <c r="V180" s="433">
        <v>4449</v>
      </c>
      <c r="W180" s="433"/>
      <c r="X180" s="470"/>
      <c r="Y180" s="29"/>
      <c r="Z180" s="29"/>
      <c r="AA180" s="29"/>
      <c r="AB180" s="29"/>
      <c r="AC180" s="29"/>
      <c r="AD180" s="29"/>
      <c r="AE180" s="29"/>
      <c r="AF180" s="29"/>
      <c r="AG180" s="29"/>
    </row>
    <row r="181" spans="1:53" s="52" customFormat="1" ht="12.75" customHeight="1">
      <c r="A181" s="531"/>
      <c r="B181" s="531"/>
      <c r="C181" s="531"/>
      <c r="D181" s="531"/>
      <c r="E181" s="531"/>
      <c r="F181" s="531"/>
      <c r="G181" s="531"/>
      <c r="H181" s="531"/>
      <c r="I181" s="531"/>
      <c r="J181" s="586"/>
      <c r="K181" s="586"/>
      <c r="L181" s="586"/>
      <c r="M181" s="587"/>
      <c r="N181" s="587"/>
      <c r="O181" s="587"/>
      <c r="P181" s="587"/>
      <c r="Q181" s="587"/>
      <c r="R181" s="587"/>
      <c r="S181" s="565"/>
      <c r="T181" s="565"/>
      <c r="U181" s="565"/>
      <c r="V181" s="565"/>
      <c r="W181" s="565"/>
      <c r="X181" s="566"/>
      <c r="Y181" s="29"/>
      <c r="Z181" s="29"/>
      <c r="AA181" s="29"/>
      <c r="AB181" s="29"/>
      <c r="AC181" s="29"/>
      <c r="AD181" s="29"/>
      <c r="AE181" s="29"/>
      <c r="AF181" s="29"/>
      <c r="AG181" s="29"/>
    </row>
    <row r="182" spans="1:53" s="52" customFormat="1" ht="12.75" customHeight="1">
      <c r="A182" s="59"/>
      <c r="B182" s="59"/>
      <c r="C182" s="59"/>
      <c r="D182" s="59"/>
      <c r="E182" s="59"/>
      <c r="F182" s="59"/>
      <c r="G182" s="59"/>
      <c r="H182" s="59"/>
      <c r="I182" s="59"/>
      <c r="J182" s="59"/>
      <c r="K182" s="59"/>
      <c r="L182" s="59"/>
      <c r="M182" s="59"/>
      <c r="N182" s="59"/>
      <c r="O182" s="59"/>
      <c r="P182" s="59"/>
      <c r="Q182" s="59"/>
      <c r="R182" s="59"/>
      <c r="S182" s="59"/>
      <c r="T182" s="59"/>
      <c r="U182" s="59"/>
      <c r="V182" s="59"/>
      <c r="W182" s="59"/>
      <c r="X182" s="9" t="s">
        <v>197</v>
      </c>
      <c r="Y182" s="29"/>
      <c r="Z182" s="29"/>
      <c r="AA182" s="29"/>
      <c r="AB182" s="29"/>
      <c r="AC182" s="29"/>
      <c r="AD182" s="29"/>
      <c r="AE182" s="29"/>
      <c r="AF182" s="29"/>
      <c r="AG182" s="29"/>
    </row>
    <row r="183" spans="1:53" s="52" customFormat="1" ht="12.75" customHeight="1">
      <c r="A183" s="29"/>
      <c r="B183" s="38" t="s">
        <v>189</v>
      </c>
      <c r="C183" s="58"/>
      <c r="D183" s="58"/>
      <c r="E183" s="58"/>
      <c r="F183" s="58"/>
      <c r="G183" s="58"/>
      <c r="H183" s="58"/>
      <c r="I183" s="58"/>
      <c r="J183" s="58"/>
      <c r="K183" s="28"/>
      <c r="L183" s="28"/>
      <c r="M183" s="28"/>
      <c r="N183" s="28"/>
      <c r="O183" s="28"/>
      <c r="P183" s="28"/>
      <c r="Q183" s="28"/>
      <c r="R183" s="28"/>
      <c r="S183" s="28"/>
      <c r="T183" s="28"/>
      <c r="U183" s="28"/>
      <c r="V183" s="29"/>
      <c r="W183" s="29"/>
      <c r="X183" s="29"/>
      <c r="Y183" s="29"/>
      <c r="Z183" s="29"/>
      <c r="AA183" s="29"/>
      <c r="AB183" s="29"/>
      <c r="AC183" s="29"/>
      <c r="AD183" s="29"/>
      <c r="AE183" s="29"/>
      <c r="AF183" s="29"/>
      <c r="AG183" s="29"/>
    </row>
    <row r="184" spans="1:53" s="52" customFormat="1" ht="12.75" customHeight="1">
      <c r="A184" s="29"/>
      <c r="B184" s="567" t="s">
        <v>96</v>
      </c>
      <c r="C184" s="568"/>
      <c r="D184" s="568"/>
      <c r="E184" s="568"/>
      <c r="F184" s="568" t="s">
        <v>27</v>
      </c>
      <c r="G184" s="568"/>
      <c r="H184" s="568"/>
      <c r="I184" s="568"/>
      <c r="J184" s="568"/>
      <c r="K184" s="568"/>
      <c r="L184" s="568"/>
      <c r="M184" s="571" t="s">
        <v>98</v>
      </c>
      <c r="N184" s="572"/>
      <c r="O184" s="572"/>
      <c r="P184" s="572"/>
      <c r="Q184" s="572"/>
      <c r="R184" s="572"/>
      <c r="S184" s="572"/>
      <c r="T184" s="572"/>
      <c r="U184" s="573"/>
      <c r="V184" s="29"/>
      <c r="W184" s="29"/>
      <c r="X184" s="29"/>
      <c r="Y184" s="29"/>
      <c r="Z184" s="29"/>
      <c r="AA184" s="29"/>
      <c r="AB184" s="29"/>
      <c r="AC184" s="29"/>
      <c r="AD184" s="29"/>
      <c r="AE184" s="29"/>
      <c r="AF184" s="29"/>
      <c r="AG184" s="29"/>
    </row>
    <row r="185" spans="1:53" s="52" customFormat="1" ht="12.75" customHeight="1">
      <c r="A185" s="29"/>
      <c r="B185" s="569"/>
      <c r="C185" s="570"/>
      <c r="D185" s="570"/>
      <c r="E185" s="570"/>
      <c r="F185" s="570"/>
      <c r="G185" s="570"/>
      <c r="H185" s="570"/>
      <c r="I185" s="570"/>
      <c r="J185" s="570"/>
      <c r="K185" s="570"/>
      <c r="L185" s="570"/>
      <c r="M185" s="574" t="s">
        <v>99</v>
      </c>
      <c r="N185" s="575"/>
      <c r="O185" s="575"/>
      <c r="P185" s="575"/>
      <c r="Q185" s="575"/>
      <c r="R185" s="575"/>
      <c r="S185" s="575"/>
      <c r="T185" s="575"/>
      <c r="U185" s="576"/>
      <c r="V185" s="29"/>
      <c r="W185" s="29"/>
      <c r="X185" s="29"/>
      <c r="Y185" s="29"/>
      <c r="Z185" s="29"/>
      <c r="AA185" s="29"/>
      <c r="AB185" s="29"/>
      <c r="AC185" s="29"/>
      <c r="AD185" s="29"/>
      <c r="AE185" s="29"/>
      <c r="AF185" s="29"/>
      <c r="AG185" s="29"/>
    </row>
    <row r="186" spans="1:53" s="52" customFormat="1" ht="12.75" customHeight="1">
      <c r="A186" s="29"/>
      <c r="B186" s="569"/>
      <c r="C186" s="570"/>
      <c r="D186" s="570"/>
      <c r="E186" s="570"/>
      <c r="F186" s="570"/>
      <c r="G186" s="570"/>
      <c r="H186" s="570"/>
      <c r="I186" s="570"/>
      <c r="J186" s="570"/>
      <c r="K186" s="570"/>
      <c r="L186" s="570"/>
      <c r="M186" s="574" t="s">
        <v>95</v>
      </c>
      <c r="N186" s="575"/>
      <c r="O186" s="575"/>
      <c r="P186" s="575"/>
      <c r="Q186" s="575"/>
      <c r="R186" s="575"/>
      <c r="S186" s="575"/>
      <c r="T186" s="575"/>
      <c r="U186" s="576"/>
      <c r="V186" s="29"/>
      <c r="W186" s="29"/>
      <c r="X186" s="29"/>
      <c r="Y186" s="29"/>
      <c r="Z186" s="29"/>
      <c r="AA186" s="29"/>
      <c r="AB186" s="29"/>
      <c r="AC186" s="29"/>
      <c r="AD186" s="29"/>
      <c r="AE186" s="29"/>
      <c r="AF186" s="29"/>
      <c r="AG186" s="29"/>
    </row>
    <row r="187" spans="1:53" s="52" customFormat="1" ht="12.75" customHeight="1">
      <c r="A187" s="29"/>
      <c r="B187" s="569"/>
      <c r="C187" s="570"/>
      <c r="D187" s="570"/>
      <c r="E187" s="570"/>
      <c r="F187" s="577" t="s">
        <v>28</v>
      </c>
      <c r="G187" s="577"/>
      <c r="H187" s="577"/>
      <c r="I187" s="577"/>
      <c r="J187" s="577"/>
      <c r="K187" s="577"/>
      <c r="L187" s="577"/>
      <c r="M187" s="574" t="s">
        <v>100</v>
      </c>
      <c r="N187" s="575"/>
      <c r="O187" s="575"/>
      <c r="P187" s="575"/>
      <c r="Q187" s="575"/>
      <c r="R187" s="575"/>
      <c r="S187" s="575"/>
      <c r="T187" s="575"/>
      <c r="U187" s="576"/>
      <c r="V187" s="29"/>
      <c r="W187" s="29"/>
      <c r="X187" s="29"/>
      <c r="Y187" s="29"/>
      <c r="Z187" s="29"/>
      <c r="AA187" s="29"/>
      <c r="AB187" s="29"/>
      <c r="AC187" s="29"/>
      <c r="AD187" s="29"/>
      <c r="AE187" s="29"/>
      <c r="AF187" s="29"/>
      <c r="AG187" s="29"/>
    </row>
    <row r="188" spans="1:53" s="52" customFormat="1" ht="12.75" customHeight="1">
      <c r="A188" s="29"/>
      <c r="B188" s="569"/>
      <c r="C188" s="570"/>
      <c r="D188" s="570"/>
      <c r="E188" s="570"/>
      <c r="F188" s="577"/>
      <c r="G188" s="577"/>
      <c r="H188" s="577"/>
      <c r="I188" s="577"/>
      <c r="J188" s="577"/>
      <c r="K188" s="577"/>
      <c r="L188" s="577"/>
      <c r="M188" s="574" t="s">
        <v>101</v>
      </c>
      <c r="N188" s="575"/>
      <c r="O188" s="575"/>
      <c r="P188" s="575"/>
      <c r="Q188" s="575"/>
      <c r="R188" s="575"/>
      <c r="S188" s="575"/>
      <c r="T188" s="575"/>
      <c r="U188" s="576"/>
      <c r="V188" s="29"/>
      <c r="W188" s="29"/>
      <c r="X188" s="29"/>
      <c r="Y188" s="29"/>
      <c r="Z188" s="29"/>
      <c r="AA188" s="29"/>
      <c r="AB188" s="29"/>
      <c r="AC188" s="29"/>
      <c r="AD188" s="29"/>
      <c r="AE188" s="29"/>
      <c r="AF188" s="29"/>
      <c r="AG188" s="29"/>
    </row>
    <row r="189" spans="1:53" s="52" customFormat="1" ht="12.75" customHeight="1">
      <c r="A189" s="29"/>
      <c r="B189" s="569"/>
      <c r="C189" s="570"/>
      <c r="D189" s="570"/>
      <c r="E189" s="570"/>
      <c r="F189" s="577"/>
      <c r="G189" s="577"/>
      <c r="H189" s="577"/>
      <c r="I189" s="577"/>
      <c r="J189" s="577"/>
      <c r="K189" s="577"/>
      <c r="L189" s="577"/>
      <c r="M189" s="578" t="s">
        <v>97</v>
      </c>
      <c r="N189" s="579"/>
      <c r="O189" s="579"/>
      <c r="P189" s="579"/>
      <c r="Q189" s="579"/>
      <c r="R189" s="579"/>
      <c r="S189" s="579"/>
      <c r="T189" s="579"/>
      <c r="U189" s="580"/>
      <c r="V189" s="29"/>
      <c r="W189" s="29"/>
      <c r="X189" s="29"/>
      <c r="Y189" s="29"/>
      <c r="Z189" s="29"/>
      <c r="AA189" s="29"/>
      <c r="AB189" s="29"/>
      <c r="AC189" s="29"/>
      <c r="AD189" s="29"/>
      <c r="AE189" s="29"/>
      <c r="AF189" s="29"/>
      <c r="AG189" s="29"/>
    </row>
    <row r="190" spans="1:53" s="52" customFormat="1" ht="12.75" customHeight="1">
      <c r="A190" s="1"/>
      <c r="B190" s="569" t="s">
        <v>56</v>
      </c>
      <c r="C190" s="570"/>
      <c r="D190" s="570"/>
      <c r="E190" s="570"/>
      <c r="F190" s="570" t="s">
        <v>190</v>
      </c>
      <c r="G190" s="570"/>
      <c r="H190" s="570"/>
      <c r="I190" s="570"/>
      <c r="J190" s="570"/>
      <c r="K190" s="570"/>
      <c r="L190" s="570"/>
      <c r="M190" s="574" t="s">
        <v>191</v>
      </c>
      <c r="N190" s="575"/>
      <c r="O190" s="575"/>
      <c r="P190" s="575"/>
      <c r="Q190" s="575"/>
      <c r="R190" s="575"/>
      <c r="S190" s="575"/>
      <c r="T190" s="575"/>
      <c r="U190" s="576"/>
      <c r="V190" s="29"/>
      <c r="W190" s="29"/>
      <c r="X190" s="29"/>
      <c r="Y190" s="29"/>
      <c r="Z190" s="29"/>
      <c r="AA190" s="29"/>
      <c r="AB190" s="29"/>
      <c r="AC190" s="29"/>
      <c r="AD190" s="29"/>
      <c r="AE190" s="29"/>
      <c r="AF190" s="29"/>
      <c r="AG190" s="29"/>
    </row>
    <row r="191" spans="1:53" s="52" customFormat="1" ht="12.75" customHeight="1">
      <c r="A191" s="1"/>
      <c r="B191" s="569"/>
      <c r="C191" s="570"/>
      <c r="D191" s="570"/>
      <c r="E191" s="570"/>
      <c r="F191" s="570" t="s">
        <v>29</v>
      </c>
      <c r="G191" s="570"/>
      <c r="H191" s="570"/>
      <c r="I191" s="570"/>
      <c r="J191" s="570"/>
      <c r="K191" s="570"/>
      <c r="L191" s="570"/>
      <c r="M191" s="588" t="s">
        <v>94</v>
      </c>
      <c r="N191" s="589"/>
      <c r="O191" s="589"/>
      <c r="P191" s="589"/>
      <c r="Q191" s="589"/>
      <c r="R191" s="589"/>
      <c r="S191" s="589"/>
      <c r="T191" s="589"/>
      <c r="U191" s="590"/>
      <c r="V191" s="29"/>
      <c r="W191" s="29"/>
      <c r="X191" s="29"/>
      <c r="Y191" s="29"/>
      <c r="Z191" s="29"/>
      <c r="AA191" s="29"/>
      <c r="AB191" s="29"/>
      <c r="AC191" s="29"/>
      <c r="AD191" s="29"/>
      <c r="AE191" s="29"/>
      <c r="AF191" s="29"/>
      <c r="AG191" s="29"/>
    </row>
    <row r="192" spans="1:53" s="52" customFormat="1" ht="12.95" customHeight="1">
      <c r="A192" s="1"/>
      <c r="B192" s="581"/>
      <c r="C192" s="582"/>
      <c r="D192" s="582"/>
      <c r="E192" s="582"/>
      <c r="F192" s="582"/>
      <c r="G192" s="582"/>
      <c r="H192" s="582"/>
      <c r="I192" s="582"/>
      <c r="J192" s="582"/>
      <c r="K192" s="582"/>
      <c r="L192" s="582"/>
      <c r="M192" s="583" t="s">
        <v>192</v>
      </c>
      <c r="N192" s="584"/>
      <c r="O192" s="584"/>
      <c r="P192" s="584"/>
      <c r="Q192" s="584"/>
      <c r="R192" s="584"/>
      <c r="S192" s="584"/>
      <c r="T192" s="584"/>
      <c r="U192" s="585"/>
      <c r="V192" s="57"/>
      <c r="W192" s="57"/>
      <c r="X192" s="1"/>
      <c r="Y192" s="1"/>
      <c r="Z192" s="1"/>
      <c r="AA192" s="1"/>
      <c r="AB192" s="1"/>
      <c r="AC192" s="1"/>
      <c r="AD192" s="1"/>
      <c r="AE192" s="1"/>
      <c r="AF192" s="56"/>
      <c r="AG192" s="1"/>
      <c r="AH192" s="54"/>
      <c r="AI192" s="54"/>
      <c r="AJ192" s="54"/>
      <c r="AK192" s="54"/>
      <c r="AL192" s="55"/>
      <c r="AM192" s="54"/>
      <c r="AN192" s="54"/>
      <c r="BA192" s="53"/>
    </row>
    <row r="193" spans="1:34" s="29" customFormat="1" ht="20.100000000000001" customHeight="1">
      <c r="A193" s="379" t="s">
        <v>42</v>
      </c>
      <c r="B193" s="379"/>
      <c r="C193" s="379"/>
      <c r="D193" s="379"/>
      <c r="E193" s="379"/>
      <c r="F193" s="379"/>
      <c r="G193" s="379"/>
      <c r="H193" s="379"/>
      <c r="I193" s="379"/>
      <c r="J193" s="379"/>
      <c r="K193" s="379"/>
      <c r="L193" s="379"/>
      <c r="M193" s="379"/>
      <c r="N193" s="379"/>
      <c r="O193" s="379"/>
      <c r="P193" s="379"/>
      <c r="Q193" s="379"/>
      <c r="R193" s="379"/>
      <c r="S193" s="379"/>
      <c r="T193" s="379"/>
      <c r="U193" s="379"/>
      <c r="V193" s="379"/>
      <c r="W193" s="379"/>
      <c r="X193" s="379"/>
      <c r="Y193" s="379"/>
      <c r="Z193" s="379"/>
      <c r="AA193" s="379"/>
      <c r="AB193" s="379"/>
      <c r="AC193" s="379"/>
      <c r="AD193" s="379"/>
      <c r="AE193" s="16"/>
      <c r="AF193" s="6"/>
      <c r="AG193" s="16"/>
      <c r="AH193" s="16"/>
    </row>
    <row r="194" spans="1:34" s="29" customFormat="1" ht="15.95" customHeight="1">
      <c r="A194" s="30"/>
      <c r="B194" s="30"/>
      <c r="C194" s="30"/>
      <c r="D194" s="30"/>
      <c r="E194" s="30"/>
      <c r="F194" s="30"/>
      <c r="G194" s="30"/>
      <c r="H194" s="30"/>
      <c r="I194" s="30"/>
      <c r="J194" s="30"/>
      <c r="K194" s="30"/>
      <c r="L194" s="30"/>
      <c r="M194" s="30"/>
      <c r="N194" s="30"/>
      <c r="O194" s="30"/>
      <c r="P194" s="30"/>
      <c r="Q194" s="30"/>
      <c r="R194" s="30"/>
      <c r="S194" s="30"/>
      <c r="T194" s="30"/>
      <c r="U194" s="30"/>
      <c r="V194" s="30"/>
      <c r="W194" s="30"/>
      <c r="X194" s="30"/>
      <c r="Y194" s="30"/>
      <c r="Z194" s="30"/>
      <c r="AA194" s="30"/>
      <c r="AB194" s="30"/>
      <c r="AC194" s="30"/>
      <c r="AD194" s="30"/>
      <c r="AE194" s="16"/>
      <c r="AF194" s="6"/>
      <c r="AG194" s="16"/>
      <c r="AH194" s="16"/>
    </row>
    <row r="195" spans="1:34" s="29" customFormat="1" ht="20.100000000000001" customHeight="1">
      <c r="A195" s="12" t="s">
        <v>122</v>
      </c>
      <c r="B195" s="16"/>
      <c r="C195" s="16"/>
      <c r="D195" s="16"/>
      <c r="E195" s="16"/>
      <c r="F195" s="16"/>
      <c r="G195" s="16"/>
      <c r="H195" s="16"/>
      <c r="I195" s="16"/>
      <c r="J195" s="16"/>
      <c r="K195" s="16"/>
      <c r="L195" s="16"/>
      <c r="M195" s="16"/>
      <c r="N195" s="16"/>
      <c r="O195" s="16"/>
      <c r="P195" s="16"/>
      <c r="Q195" s="16"/>
      <c r="R195" s="16"/>
      <c r="S195" s="16"/>
      <c r="T195" s="16"/>
      <c r="U195" s="16"/>
      <c r="V195" s="19"/>
      <c r="W195" s="19"/>
      <c r="X195" s="19"/>
      <c r="Y195" s="31"/>
      <c r="Z195" s="18"/>
      <c r="AA195" s="18"/>
      <c r="AB195" s="18"/>
      <c r="AC195" s="18"/>
      <c r="AD195" s="5" t="s">
        <v>44</v>
      </c>
      <c r="AE195" s="16"/>
      <c r="AF195" s="6"/>
      <c r="AG195" s="16"/>
      <c r="AH195" s="16"/>
    </row>
    <row r="196" spans="1:34" s="38" customFormat="1" ht="15.75" customHeight="1">
      <c r="A196" s="154" t="s">
        <v>3</v>
      </c>
      <c r="B196" s="155"/>
      <c r="C196" s="155"/>
      <c r="D196" s="155"/>
      <c r="E196" s="155"/>
      <c r="F196" s="155"/>
      <c r="G196" s="155"/>
      <c r="H196" s="155"/>
      <c r="I196" s="156"/>
      <c r="J196" s="194">
        <v>4</v>
      </c>
      <c r="K196" s="195"/>
      <c r="L196" s="195"/>
      <c r="M196" s="195"/>
      <c r="N196" s="195"/>
      <c r="O196" s="195"/>
      <c r="P196" s="196"/>
      <c r="Q196" s="243">
        <v>5</v>
      </c>
      <c r="R196" s="244"/>
      <c r="S196" s="244"/>
      <c r="T196" s="244"/>
      <c r="U196" s="244"/>
      <c r="V196" s="244"/>
      <c r="W196" s="244"/>
      <c r="X196" s="172">
        <v>6</v>
      </c>
      <c r="Y196" s="173"/>
      <c r="Z196" s="173"/>
      <c r="AA196" s="173"/>
      <c r="AB196" s="173"/>
      <c r="AC196" s="173"/>
      <c r="AD196" s="174"/>
      <c r="AE196" s="16"/>
      <c r="AF196" s="6"/>
      <c r="AG196" s="16"/>
      <c r="AH196" s="16"/>
    </row>
    <row r="197" spans="1:34" s="38" customFormat="1" ht="15.75" customHeight="1">
      <c r="A197" s="229" t="s">
        <v>4</v>
      </c>
      <c r="B197" s="230"/>
      <c r="C197" s="230"/>
      <c r="D197" s="230"/>
      <c r="E197" s="230"/>
      <c r="F197" s="230"/>
      <c r="G197" s="230"/>
      <c r="H197" s="230"/>
      <c r="I197" s="231"/>
      <c r="J197" s="197"/>
      <c r="K197" s="198"/>
      <c r="L197" s="198"/>
      <c r="M197" s="198"/>
      <c r="N197" s="198"/>
      <c r="O197" s="198"/>
      <c r="P197" s="199"/>
      <c r="Q197" s="246"/>
      <c r="R197" s="247"/>
      <c r="S197" s="247"/>
      <c r="T197" s="247"/>
      <c r="U197" s="247"/>
      <c r="V197" s="247"/>
      <c r="W197" s="247"/>
      <c r="X197" s="175"/>
      <c r="Y197" s="176"/>
      <c r="Z197" s="176"/>
      <c r="AA197" s="176"/>
      <c r="AB197" s="176"/>
      <c r="AC197" s="176"/>
      <c r="AD197" s="177"/>
      <c r="AE197" s="16"/>
      <c r="AF197" s="6"/>
      <c r="AG197" s="16"/>
      <c r="AH197" s="16"/>
    </row>
    <row r="198" spans="1:34" s="38" customFormat="1" ht="15.95" customHeight="1">
      <c r="A198" s="240" t="s">
        <v>116</v>
      </c>
      <c r="B198" s="239"/>
      <c r="C198" s="182" t="s">
        <v>5</v>
      </c>
      <c r="D198" s="182"/>
      <c r="E198" s="182"/>
      <c r="F198" s="182"/>
      <c r="G198" s="182"/>
      <c r="H198" s="182"/>
      <c r="I198" s="182"/>
      <c r="J198" s="149">
        <v>3062870</v>
      </c>
      <c r="K198" s="149"/>
      <c r="L198" s="149"/>
      <c r="M198" s="149"/>
      <c r="N198" s="149"/>
      <c r="O198" s="149"/>
      <c r="P198" s="149"/>
      <c r="Q198" s="149">
        <v>2700889</v>
      </c>
      <c r="R198" s="149"/>
      <c r="S198" s="149"/>
      <c r="T198" s="149"/>
      <c r="U198" s="149"/>
      <c r="V198" s="149"/>
      <c r="W198" s="149"/>
      <c r="X198" s="260">
        <v>2326320</v>
      </c>
      <c r="Y198" s="260"/>
      <c r="Z198" s="260"/>
      <c r="AA198" s="260"/>
      <c r="AB198" s="260"/>
      <c r="AC198" s="260"/>
      <c r="AD198" s="261"/>
      <c r="AE198" s="16"/>
      <c r="AF198" s="6"/>
      <c r="AG198" s="16"/>
      <c r="AH198" s="16"/>
    </row>
    <row r="199" spans="1:34" s="38" customFormat="1" ht="15.95" customHeight="1">
      <c r="A199" s="240"/>
      <c r="B199" s="239"/>
      <c r="C199" s="182"/>
      <c r="D199" s="182"/>
      <c r="E199" s="182"/>
      <c r="F199" s="182"/>
      <c r="G199" s="182"/>
      <c r="H199" s="182"/>
      <c r="I199" s="182"/>
      <c r="J199" s="242">
        <v>1013000</v>
      </c>
      <c r="K199" s="242"/>
      <c r="L199" s="242"/>
      <c r="M199" s="242"/>
      <c r="N199" s="242"/>
      <c r="O199" s="242"/>
      <c r="P199" s="242"/>
      <c r="Q199" s="242">
        <v>918000</v>
      </c>
      <c r="R199" s="242"/>
      <c r="S199" s="242"/>
      <c r="T199" s="242"/>
      <c r="U199" s="242"/>
      <c r="V199" s="242"/>
      <c r="W199" s="242"/>
      <c r="X199" s="180">
        <v>564000</v>
      </c>
      <c r="Y199" s="180"/>
      <c r="Z199" s="180"/>
      <c r="AA199" s="180"/>
      <c r="AB199" s="180"/>
      <c r="AC199" s="180"/>
      <c r="AD199" s="181"/>
      <c r="AE199" s="16"/>
      <c r="AF199" s="6"/>
      <c r="AG199" s="16"/>
      <c r="AH199" s="16"/>
    </row>
    <row r="200" spans="1:34" s="38" customFormat="1" ht="15.95" customHeight="1">
      <c r="A200" s="240"/>
      <c r="B200" s="239"/>
      <c r="C200" s="182" t="s">
        <v>89</v>
      </c>
      <c r="D200" s="182"/>
      <c r="E200" s="182"/>
      <c r="F200" s="182"/>
      <c r="G200" s="182"/>
      <c r="H200" s="182"/>
      <c r="I200" s="182"/>
      <c r="J200" s="183">
        <v>1953782</v>
      </c>
      <c r="K200" s="183"/>
      <c r="L200" s="183"/>
      <c r="M200" s="183"/>
      <c r="N200" s="183"/>
      <c r="O200" s="183"/>
      <c r="P200" s="183"/>
      <c r="Q200" s="183">
        <v>1694082</v>
      </c>
      <c r="R200" s="183"/>
      <c r="S200" s="183"/>
      <c r="T200" s="183"/>
      <c r="U200" s="183"/>
      <c r="V200" s="183"/>
      <c r="W200" s="183"/>
      <c r="X200" s="150">
        <v>1678784</v>
      </c>
      <c r="Y200" s="150"/>
      <c r="Z200" s="150"/>
      <c r="AA200" s="150"/>
      <c r="AB200" s="150"/>
      <c r="AC200" s="150"/>
      <c r="AD200" s="151"/>
      <c r="AE200" s="16"/>
      <c r="AF200" s="6"/>
      <c r="AG200" s="16"/>
      <c r="AH200" s="16"/>
    </row>
    <row r="201" spans="1:34" s="38" customFormat="1" ht="15.95" customHeight="1">
      <c r="A201" s="240"/>
      <c r="B201" s="239"/>
      <c r="C201" s="182" t="s">
        <v>90</v>
      </c>
      <c r="D201" s="182"/>
      <c r="E201" s="182"/>
      <c r="F201" s="182"/>
      <c r="G201" s="182"/>
      <c r="H201" s="182"/>
      <c r="I201" s="182"/>
      <c r="J201" s="183">
        <v>69639</v>
      </c>
      <c r="K201" s="264"/>
      <c r="L201" s="264"/>
      <c r="M201" s="264"/>
      <c r="N201" s="264"/>
      <c r="O201" s="264"/>
      <c r="P201" s="264"/>
      <c r="Q201" s="183">
        <v>63511</v>
      </c>
      <c r="R201" s="262"/>
      <c r="S201" s="262"/>
      <c r="T201" s="262"/>
      <c r="U201" s="262"/>
      <c r="V201" s="262"/>
      <c r="W201" s="262"/>
      <c r="X201" s="150">
        <v>61179</v>
      </c>
      <c r="Y201" s="178"/>
      <c r="Z201" s="178"/>
      <c r="AA201" s="178"/>
      <c r="AB201" s="178"/>
      <c r="AC201" s="178"/>
      <c r="AD201" s="179"/>
      <c r="AE201" s="16"/>
      <c r="AF201" s="6"/>
      <c r="AG201" s="16"/>
      <c r="AH201" s="16"/>
    </row>
    <row r="202" spans="1:34" s="38" customFormat="1" ht="15.95" customHeight="1">
      <c r="A202" s="240"/>
      <c r="B202" s="239"/>
      <c r="C202" s="182" t="s">
        <v>45</v>
      </c>
      <c r="D202" s="182"/>
      <c r="E202" s="182"/>
      <c r="F202" s="182"/>
      <c r="G202" s="182"/>
      <c r="H202" s="182"/>
      <c r="I202" s="182"/>
      <c r="J202" s="183">
        <v>26449</v>
      </c>
      <c r="K202" s="183"/>
      <c r="L202" s="183"/>
      <c r="M202" s="183"/>
      <c r="N202" s="183"/>
      <c r="O202" s="183"/>
      <c r="P202" s="183"/>
      <c r="Q202" s="183">
        <v>25296</v>
      </c>
      <c r="R202" s="183"/>
      <c r="S202" s="183"/>
      <c r="T202" s="183"/>
      <c r="U202" s="183"/>
      <c r="V202" s="183"/>
      <c r="W202" s="183"/>
      <c r="X202" s="150">
        <v>22357</v>
      </c>
      <c r="Y202" s="150"/>
      <c r="Z202" s="150"/>
      <c r="AA202" s="150"/>
      <c r="AB202" s="150"/>
      <c r="AC202" s="150"/>
      <c r="AD202" s="151"/>
      <c r="AE202" s="16"/>
      <c r="AF202" s="6"/>
      <c r="AG202" s="16"/>
      <c r="AH202" s="16"/>
    </row>
    <row r="203" spans="1:34" s="38" customFormat="1" ht="15.95" customHeight="1">
      <c r="A203" s="238" t="s">
        <v>112</v>
      </c>
      <c r="B203" s="239"/>
      <c r="C203" s="182" t="s">
        <v>5</v>
      </c>
      <c r="D203" s="182"/>
      <c r="E203" s="182"/>
      <c r="F203" s="182"/>
      <c r="G203" s="182"/>
      <c r="H203" s="182"/>
      <c r="I203" s="182"/>
      <c r="J203" s="183">
        <v>77620</v>
      </c>
      <c r="K203" s="183"/>
      <c r="L203" s="183"/>
      <c r="M203" s="183"/>
      <c r="N203" s="183"/>
      <c r="O203" s="183"/>
      <c r="P203" s="183"/>
      <c r="Q203" s="183">
        <v>69113</v>
      </c>
      <c r="R203" s="183"/>
      <c r="S203" s="183"/>
      <c r="T203" s="183"/>
      <c r="U203" s="183"/>
      <c r="V203" s="183"/>
      <c r="W203" s="183"/>
      <c r="X203" s="150">
        <v>74047</v>
      </c>
      <c r="Y203" s="150"/>
      <c r="Z203" s="150"/>
      <c r="AA203" s="150"/>
      <c r="AB203" s="150"/>
      <c r="AC203" s="150"/>
      <c r="AD203" s="151"/>
      <c r="AE203" s="16"/>
      <c r="AF203" s="6"/>
      <c r="AG203" s="16"/>
      <c r="AH203" s="16"/>
    </row>
    <row r="204" spans="1:34" s="38" customFormat="1" ht="15.95" customHeight="1">
      <c r="A204" s="240"/>
      <c r="B204" s="239"/>
      <c r="C204" s="182" t="s">
        <v>89</v>
      </c>
      <c r="D204" s="182"/>
      <c r="E204" s="182"/>
      <c r="F204" s="182"/>
      <c r="G204" s="182"/>
      <c r="H204" s="182"/>
      <c r="I204" s="182"/>
      <c r="J204" s="183">
        <v>77613</v>
      </c>
      <c r="K204" s="183"/>
      <c r="L204" s="183"/>
      <c r="M204" s="183"/>
      <c r="N204" s="183"/>
      <c r="O204" s="183"/>
      <c r="P204" s="183"/>
      <c r="Q204" s="183">
        <v>69106</v>
      </c>
      <c r="R204" s="183"/>
      <c r="S204" s="183"/>
      <c r="T204" s="183"/>
      <c r="U204" s="183"/>
      <c r="V204" s="183"/>
      <c r="W204" s="183"/>
      <c r="X204" s="150">
        <v>74038</v>
      </c>
      <c r="Y204" s="150"/>
      <c r="Z204" s="150"/>
      <c r="AA204" s="150"/>
      <c r="AB204" s="150"/>
      <c r="AC204" s="150"/>
      <c r="AD204" s="151"/>
      <c r="AE204" s="16"/>
      <c r="AF204" s="6"/>
      <c r="AG204" s="16"/>
      <c r="AH204" s="16"/>
    </row>
    <row r="205" spans="1:34" s="38" customFormat="1" ht="15.95" customHeight="1">
      <c r="A205" s="240"/>
      <c r="B205" s="239"/>
      <c r="C205" s="182" t="s">
        <v>113</v>
      </c>
      <c r="D205" s="182"/>
      <c r="E205" s="182"/>
      <c r="F205" s="182"/>
      <c r="G205" s="182"/>
      <c r="H205" s="182"/>
      <c r="I205" s="182"/>
      <c r="J205" s="183">
        <v>7</v>
      </c>
      <c r="K205" s="183"/>
      <c r="L205" s="183"/>
      <c r="M205" s="183"/>
      <c r="N205" s="183"/>
      <c r="O205" s="183"/>
      <c r="P205" s="183"/>
      <c r="Q205" s="183">
        <v>7</v>
      </c>
      <c r="R205" s="183"/>
      <c r="S205" s="183"/>
      <c r="T205" s="183"/>
      <c r="U205" s="183"/>
      <c r="V205" s="183"/>
      <c r="W205" s="183"/>
      <c r="X205" s="150">
        <v>9</v>
      </c>
      <c r="Y205" s="150"/>
      <c r="Z205" s="150"/>
      <c r="AA205" s="150"/>
      <c r="AB205" s="150"/>
      <c r="AC205" s="150"/>
      <c r="AD205" s="151"/>
      <c r="AE205" s="16"/>
      <c r="AF205" s="6"/>
      <c r="AG205" s="16"/>
      <c r="AH205" s="16"/>
    </row>
    <row r="206" spans="1:34" s="38" customFormat="1" ht="15.95" customHeight="1">
      <c r="A206" s="256" t="s">
        <v>107</v>
      </c>
      <c r="B206" s="257"/>
      <c r="C206" s="257"/>
      <c r="D206" s="257"/>
      <c r="E206" s="257"/>
      <c r="F206" s="257"/>
      <c r="G206" s="257"/>
      <c r="H206" s="257"/>
      <c r="I206" s="257"/>
      <c r="J206" s="183">
        <v>132846</v>
      </c>
      <c r="K206" s="183"/>
      <c r="L206" s="183"/>
      <c r="M206" s="183"/>
      <c r="N206" s="183"/>
      <c r="O206" s="183"/>
      <c r="P206" s="183"/>
      <c r="Q206" s="183">
        <v>124324</v>
      </c>
      <c r="R206" s="183"/>
      <c r="S206" s="183"/>
      <c r="T206" s="183"/>
      <c r="U206" s="183"/>
      <c r="V206" s="183"/>
      <c r="W206" s="183"/>
      <c r="X206" s="150">
        <v>134145</v>
      </c>
      <c r="Y206" s="150"/>
      <c r="Z206" s="150"/>
      <c r="AA206" s="150"/>
      <c r="AB206" s="150"/>
      <c r="AC206" s="150"/>
      <c r="AD206" s="151"/>
      <c r="AE206" s="16"/>
      <c r="AF206" s="6"/>
      <c r="AG206" s="16"/>
      <c r="AH206" s="16"/>
    </row>
    <row r="207" spans="1:34" s="38" customFormat="1" ht="15.95" customHeight="1">
      <c r="A207" s="188" t="s">
        <v>108</v>
      </c>
      <c r="B207" s="189"/>
      <c r="C207" s="189"/>
      <c r="D207" s="189"/>
      <c r="E207" s="189"/>
      <c r="F207" s="189"/>
      <c r="G207" s="189"/>
      <c r="H207" s="189"/>
      <c r="I207" s="189"/>
      <c r="J207" s="162">
        <v>76536</v>
      </c>
      <c r="K207" s="162"/>
      <c r="L207" s="162"/>
      <c r="M207" s="162"/>
      <c r="N207" s="162"/>
      <c r="O207" s="162"/>
      <c r="P207" s="162"/>
      <c r="Q207" s="162">
        <v>78353</v>
      </c>
      <c r="R207" s="162"/>
      <c r="S207" s="162"/>
      <c r="T207" s="162"/>
      <c r="U207" s="162"/>
      <c r="V207" s="162"/>
      <c r="W207" s="162"/>
      <c r="X207" s="362">
        <v>75569</v>
      </c>
      <c r="Y207" s="362"/>
      <c r="Z207" s="362"/>
      <c r="AA207" s="362"/>
      <c r="AB207" s="362"/>
      <c r="AC207" s="362"/>
      <c r="AD207" s="363"/>
      <c r="AE207" s="16"/>
      <c r="AF207" s="6"/>
      <c r="AG207" s="16"/>
      <c r="AH207" s="16"/>
    </row>
    <row r="208" spans="1:34" s="38" customFormat="1" ht="12.95" customHeight="1">
      <c r="A208" s="23" t="s">
        <v>76</v>
      </c>
      <c r="B208" s="24"/>
      <c r="C208" s="24"/>
      <c r="D208" s="24"/>
      <c r="E208" s="25"/>
      <c r="F208" s="25"/>
      <c r="G208" s="25"/>
      <c r="H208" s="25"/>
      <c r="I208" s="25"/>
      <c r="J208" s="25"/>
      <c r="K208" s="25"/>
      <c r="L208" s="25"/>
      <c r="M208" s="25"/>
      <c r="N208" s="25"/>
      <c r="O208" s="25"/>
      <c r="P208" s="25"/>
      <c r="Q208" s="25"/>
      <c r="R208" s="25"/>
      <c r="S208" s="25"/>
      <c r="T208" s="25"/>
      <c r="U208" s="25"/>
      <c r="V208" s="25"/>
      <c r="W208" s="25"/>
      <c r="X208" s="25"/>
      <c r="Y208" s="25"/>
      <c r="Z208" s="25"/>
      <c r="AA208" s="25"/>
      <c r="AB208" s="26"/>
      <c r="AC208" s="25"/>
      <c r="AD208" s="9" t="s">
        <v>109</v>
      </c>
      <c r="AE208" s="16"/>
      <c r="AF208" s="6"/>
      <c r="AG208" s="16"/>
      <c r="AH208" s="16"/>
    </row>
    <row r="209" spans="1:34" s="46" customFormat="1" ht="12.95" customHeight="1">
      <c r="A209" s="6" t="s">
        <v>114</v>
      </c>
      <c r="B209" s="6"/>
      <c r="C209" s="6"/>
      <c r="D209" s="6"/>
      <c r="E209" s="6"/>
      <c r="F209" s="6"/>
      <c r="G209" s="6"/>
      <c r="H209" s="6"/>
      <c r="I209" s="6"/>
      <c r="J209" s="6"/>
      <c r="K209" s="6"/>
      <c r="L209" s="6"/>
      <c r="M209" s="6"/>
      <c r="N209" s="6"/>
      <c r="O209" s="6"/>
      <c r="P209" s="6"/>
      <c r="Q209" s="6"/>
      <c r="R209" s="6"/>
      <c r="S209" s="6"/>
      <c r="T209" s="6"/>
      <c r="U209" s="6"/>
      <c r="V209" s="6"/>
      <c r="W209" s="6"/>
      <c r="X209" s="6"/>
      <c r="Y209" s="6"/>
      <c r="Z209" s="6"/>
      <c r="AA209" s="6"/>
      <c r="AB209" s="6"/>
      <c r="AC209" s="6"/>
      <c r="AE209" s="6"/>
      <c r="AF209" s="6"/>
      <c r="AG209" s="6"/>
      <c r="AH209" s="6"/>
    </row>
    <row r="210" spans="1:34" s="29" customFormat="1" ht="14.1" customHeight="1">
      <c r="A210" s="16"/>
      <c r="B210" s="6"/>
      <c r="C210" s="16"/>
      <c r="D210" s="16"/>
      <c r="E210" s="16"/>
      <c r="F210" s="16"/>
      <c r="G210" s="16"/>
      <c r="H210" s="16"/>
      <c r="I210" s="16"/>
      <c r="J210" s="16"/>
      <c r="K210" s="16"/>
      <c r="L210" s="16"/>
      <c r="M210" s="16"/>
      <c r="N210" s="16"/>
      <c r="O210" s="16"/>
      <c r="P210" s="16"/>
      <c r="Q210" s="16"/>
      <c r="R210" s="16"/>
      <c r="S210" s="16"/>
      <c r="T210" s="16"/>
      <c r="U210" s="16"/>
      <c r="V210" s="16"/>
      <c r="W210" s="16"/>
      <c r="X210" s="16"/>
      <c r="Y210" s="16"/>
      <c r="Z210" s="16"/>
      <c r="AA210" s="16"/>
      <c r="AB210" s="16"/>
      <c r="AC210" s="16"/>
      <c r="AD210" s="17"/>
      <c r="AE210" s="16"/>
      <c r="AF210" s="6"/>
      <c r="AG210" s="16"/>
      <c r="AH210" s="16"/>
    </row>
    <row r="211" spans="1:34" s="29" customFormat="1" ht="20.100000000000001" customHeight="1">
      <c r="A211" s="12" t="s">
        <v>119</v>
      </c>
      <c r="B211" s="16"/>
      <c r="C211" s="16"/>
      <c r="D211" s="16"/>
      <c r="E211" s="16"/>
      <c r="F211" s="16"/>
      <c r="G211" s="16"/>
      <c r="H211" s="16"/>
      <c r="I211" s="16"/>
      <c r="J211" s="16"/>
      <c r="K211" s="16"/>
      <c r="L211" s="16"/>
      <c r="M211" s="16"/>
      <c r="N211" s="16"/>
      <c r="O211" s="16"/>
      <c r="P211" s="16"/>
      <c r="Q211" s="16"/>
      <c r="R211" s="16"/>
      <c r="S211" s="16"/>
      <c r="T211" s="16"/>
      <c r="U211" s="16"/>
      <c r="V211" s="19"/>
      <c r="W211" s="19"/>
      <c r="X211" s="19"/>
      <c r="Y211" s="19"/>
      <c r="Z211" s="19"/>
      <c r="AA211" s="31"/>
      <c r="AB211" s="18"/>
      <c r="AC211" s="18"/>
      <c r="AD211" s="5" t="s">
        <v>44</v>
      </c>
      <c r="AE211" s="16"/>
      <c r="AF211" s="6"/>
      <c r="AG211" s="16"/>
      <c r="AH211" s="16"/>
    </row>
    <row r="212" spans="1:34" s="38" customFormat="1" ht="15.75" customHeight="1">
      <c r="A212" s="154" t="s">
        <v>3</v>
      </c>
      <c r="B212" s="155"/>
      <c r="C212" s="155"/>
      <c r="D212" s="155"/>
      <c r="E212" s="155"/>
      <c r="F212" s="155"/>
      <c r="G212" s="155"/>
      <c r="H212" s="155"/>
      <c r="I212" s="156"/>
      <c r="J212" s="194">
        <v>4</v>
      </c>
      <c r="K212" s="195"/>
      <c r="L212" s="195"/>
      <c r="M212" s="195"/>
      <c r="N212" s="195"/>
      <c r="O212" s="195"/>
      <c r="P212" s="196"/>
      <c r="Q212" s="243">
        <v>5</v>
      </c>
      <c r="R212" s="244"/>
      <c r="S212" s="244"/>
      <c r="T212" s="244"/>
      <c r="U212" s="244"/>
      <c r="V212" s="244"/>
      <c r="W212" s="245"/>
      <c r="X212" s="172">
        <v>6</v>
      </c>
      <c r="Y212" s="173"/>
      <c r="Z212" s="173"/>
      <c r="AA212" s="173"/>
      <c r="AB212" s="173"/>
      <c r="AC212" s="173"/>
      <c r="AD212" s="174"/>
      <c r="AE212" s="16"/>
      <c r="AF212" s="6"/>
      <c r="AG212" s="16"/>
      <c r="AH212" s="16"/>
    </row>
    <row r="213" spans="1:34" s="38" customFormat="1" ht="15.75" customHeight="1">
      <c r="A213" s="229" t="s">
        <v>4</v>
      </c>
      <c r="B213" s="230"/>
      <c r="C213" s="230"/>
      <c r="D213" s="230"/>
      <c r="E213" s="230"/>
      <c r="F213" s="230"/>
      <c r="G213" s="230"/>
      <c r="H213" s="230"/>
      <c r="I213" s="231"/>
      <c r="J213" s="197"/>
      <c r="K213" s="198"/>
      <c r="L213" s="198"/>
      <c r="M213" s="198"/>
      <c r="N213" s="198"/>
      <c r="O213" s="198"/>
      <c r="P213" s="199"/>
      <c r="Q213" s="246"/>
      <c r="R213" s="247"/>
      <c r="S213" s="247"/>
      <c r="T213" s="247"/>
      <c r="U213" s="247"/>
      <c r="V213" s="247"/>
      <c r="W213" s="248"/>
      <c r="X213" s="175"/>
      <c r="Y213" s="176"/>
      <c r="Z213" s="176"/>
      <c r="AA213" s="176"/>
      <c r="AB213" s="176"/>
      <c r="AC213" s="176"/>
      <c r="AD213" s="177"/>
      <c r="AE213" s="16"/>
      <c r="AF213" s="6"/>
      <c r="AG213" s="16"/>
      <c r="AH213" s="16"/>
    </row>
    <row r="214" spans="1:34" s="38" customFormat="1" ht="15.95" customHeight="1">
      <c r="A214" s="240" t="s">
        <v>116</v>
      </c>
      <c r="B214" s="239"/>
      <c r="C214" s="182" t="s">
        <v>5</v>
      </c>
      <c r="D214" s="182"/>
      <c r="E214" s="182"/>
      <c r="F214" s="182"/>
      <c r="G214" s="182"/>
      <c r="H214" s="182"/>
      <c r="I214" s="182"/>
      <c r="J214" s="263">
        <v>10543563</v>
      </c>
      <c r="K214" s="149"/>
      <c r="L214" s="149"/>
      <c r="M214" s="149"/>
      <c r="N214" s="149"/>
      <c r="O214" s="149"/>
      <c r="P214" s="149"/>
      <c r="Q214" s="149">
        <v>9937157</v>
      </c>
      <c r="R214" s="149"/>
      <c r="S214" s="149"/>
      <c r="T214" s="149"/>
      <c r="U214" s="149"/>
      <c r="V214" s="149"/>
      <c r="W214" s="149"/>
      <c r="X214" s="360">
        <v>9894501</v>
      </c>
      <c r="Y214" s="360"/>
      <c r="Z214" s="360"/>
      <c r="AA214" s="360"/>
      <c r="AB214" s="360"/>
      <c r="AC214" s="360"/>
      <c r="AD214" s="361"/>
      <c r="AE214" s="16"/>
      <c r="AF214" s="6"/>
      <c r="AG214" s="16"/>
      <c r="AH214" s="16"/>
    </row>
    <row r="215" spans="1:34" s="38" customFormat="1" ht="15.95" customHeight="1">
      <c r="A215" s="240"/>
      <c r="B215" s="239"/>
      <c r="C215" s="182"/>
      <c r="D215" s="182"/>
      <c r="E215" s="182"/>
      <c r="F215" s="182"/>
      <c r="G215" s="182"/>
      <c r="H215" s="182"/>
      <c r="I215" s="182"/>
      <c r="J215" s="241">
        <v>859000</v>
      </c>
      <c r="K215" s="242"/>
      <c r="L215" s="242"/>
      <c r="M215" s="242"/>
      <c r="N215" s="242"/>
      <c r="O215" s="242"/>
      <c r="P215" s="242"/>
      <c r="Q215" s="242">
        <v>719694</v>
      </c>
      <c r="R215" s="242"/>
      <c r="S215" s="242"/>
      <c r="T215" s="242"/>
      <c r="U215" s="242"/>
      <c r="V215" s="242"/>
      <c r="W215" s="242"/>
      <c r="X215" s="147">
        <v>533589</v>
      </c>
      <c r="Y215" s="147"/>
      <c r="Z215" s="147"/>
      <c r="AA215" s="147"/>
      <c r="AB215" s="147"/>
      <c r="AC215" s="147"/>
      <c r="AD215" s="148"/>
      <c r="AE215" s="16"/>
      <c r="AF215" s="6"/>
      <c r="AG215" s="16"/>
      <c r="AH215" s="16"/>
    </row>
    <row r="216" spans="1:34" s="38" customFormat="1" ht="15.95" customHeight="1">
      <c r="A216" s="240"/>
      <c r="B216" s="239"/>
      <c r="C216" s="182" t="s">
        <v>89</v>
      </c>
      <c r="D216" s="182"/>
      <c r="E216" s="182"/>
      <c r="F216" s="182"/>
      <c r="G216" s="182"/>
      <c r="H216" s="182"/>
      <c r="I216" s="182"/>
      <c r="J216" s="186">
        <v>9193204</v>
      </c>
      <c r="K216" s="183"/>
      <c r="L216" s="183"/>
      <c r="M216" s="183"/>
      <c r="N216" s="183"/>
      <c r="O216" s="183"/>
      <c r="P216" s="183"/>
      <c r="Q216" s="183">
        <v>8592619</v>
      </c>
      <c r="R216" s="183"/>
      <c r="S216" s="183"/>
      <c r="T216" s="183"/>
      <c r="U216" s="183"/>
      <c r="V216" s="183"/>
      <c r="W216" s="183"/>
      <c r="X216" s="184">
        <v>8463338</v>
      </c>
      <c r="Y216" s="184"/>
      <c r="Z216" s="184"/>
      <c r="AA216" s="184"/>
      <c r="AB216" s="184"/>
      <c r="AC216" s="184"/>
      <c r="AD216" s="185"/>
      <c r="AE216" s="16"/>
      <c r="AF216" s="6"/>
      <c r="AG216" s="16"/>
      <c r="AH216" s="16"/>
    </row>
    <row r="217" spans="1:34" s="38" customFormat="1" ht="15.95" customHeight="1">
      <c r="A217" s="240"/>
      <c r="B217" s="239"/>
      <c r="C217" s="182" t="s">
        <v>90</v>
      </c>
      <c r="D217" s="182"/>
      <c r="E217" s="182"/>
      <c r="F217" s="182"/>
      <c r="G217" s="182"/>
      <c r="H217" s="182"/>
      <c r="I217" s="182"/>
      <c r="J217" s="186">
        <v>174837</v>
      </c>
      <c r="K217" s="187"/>
      <c r="L217" s="187"/>
      <c r="M217" s="187"/>
      <c r="N217" s="187"/>
      <c r="O217" s="187"/>
      <c r="P217" s="187"/>
      <c r="Q217" s="183">
        <v>161226</v>
      </c>
      <c r="R217" s="187"/>
      <c r="S217" s="187"/>
      <c r="T217" s="187"/>
      <c r="U217" s="187"/>
      <c r="V217" s="187"/>
      <c r="W217" s="187"/>
      <c r="X217" s="184">
        <v>143627</v>
      </c>
      <c r="Y217" s="258"/>
      <c r="Z217" s="258"/>
      <c r="AA217" s="258"/>
      <c r="AB217" s="258"/>
      <c r="AC217" s="258"/>
      <c r="AD217" s="259"/>
      <c r="AE217" s="16"/>
      <c r="AF217" s="6"/>
      <c r="AG217" s="16"/>
      <c r="AH217" s="16"/>
    </row>
    <row r="218" spans="1:34" s="38" customFormat="1" ht="15.95" customHeight="1">
      <c r="A218" s="240"/>
      <c r="B218" s="239"/>
      <c r="C218" s="182" t="s">
        <v>45</v>
      </c>
      <c r="D218" s="182"/>
      <c r="E218" s="182"/>
      <c r="F218" s="182"/>
      <c r="G218" s="182"/>
      <c r="H218" s="182"/>
      <c r="I218" s="182"/>
      <c r="J218" s="186">
        <v>43171</v>
      </c>
      <c r="K218" s="183"/>
      <c r="L218" s="183"/>
      <c r="M218" s="183"/>
      <c r="N218" s="183"/>
      <c r="O218" s="183"/>
      <c r="P218" s="183"/>
      <c r="Q218" s="183">
        <v>61396</v>
      </c>
      <c r="R218" s="183"/>
      <c r="S218" s="183"/>
      <c r="T218" s="183"/>
      <c r="U218" s="183"/>
      <c r="V218" s="183"/>
      <c r="W218" s="183"/>
      <c r="X218" s="184">
        <v>105073</v>
      </c>
      <c r="Y218" s="184"/>
      <c r="Z218" s="184"/>
      <c r="AA218" s="184"/>
      <c r="AB218" s="184"/>
      <c r="AC218" s="184"/>
      <c r="AD218" s="185"/>
      <c r="AE218" s="16"/>
      <c r="AF218" s="6"/>
      <c r="AG218" s="16"/>
      <c r="AH218" s="16"/>
    </row>
    <row r="219" spans="1:34" s="38" customFormat="1" ht="15.95" customHeight="1">
      <c r="A219" s="238" t="s">
        <v>112</v>
      </c>
      <c r="B219" s="239"/>
      <c r="C219" s="182" t="s">
        <v>5</v>
      </c>
      <c r="D219" s="182"/>
      <c r="E219" s="182"/>
      <c r="F219" s="182"/>
      <c r="G219" s="182"/>
      <c r="H219" s="182"/>
      <c r="I219" s="182"/>
      <c r="J219" s="186">
        <v>387866</v>
      </c>
      <c r="K219" s="183"/>
      <c r="L219" s="183"/>
      <c r="M219" s="183"/>
      <c r="N219" s="183"/>
      <c r="O219" s="183"/>
      <c r="P219" s="183"/>
      <c r="Q219" s="183">
        <v>367464</v>
      </c>
      <c r="R219" s="183"/>
      <c r="S219" s="183"/>
      <c r="T219" s="183"/>
      <c r="U219" s="183"/>
      <c r="V219" s="183"/>
      <c r="W219" s="183"/>
      <c r="X219" s="184">
        <v>371623</v>
      </c>
      <c r="Y219" s="184"/>
      <c r="Z219" s="184"/>
      <c r="AA219" s="184"/>
      <c r="AB219" s="184"/>
      <c r="AC219" s="184"/>
      <c r="AD219" s="185"/>
      <c r="AE219" s="16"/>
      <c r="AF219" s="6"/>
      <c r="AG219" s="16"/>
      <c r="AH219" s="16"/>
    </row>
    <row r="220" spans="1:34" s="38" customFormat="1" ht="15.95" customHeight="1">
      <c r="A220" s="240"/>
      <c r="B220" s="239"/>
      <c r="C220" s="182" t="s">
        <v>89</v>
      </c>
      <c r="D220" s="182"/>
      <c r="E220" s="182"/>
      <c r="F220" s="182"/>
      <c r="G220" s="182"/>
      <c r="H220" s="182"/>
      <c r="I220" s="182"/>
      <c r="J220" s="186">
        <v>387602</v>
      </c>
      <c r="K220" s="183"/>
      <c r="L220" s="183"/>
      <c r="M220" s="183"/>
      <c r="N220" s="183"/>
      <c r="O220" s="183"/>
      <c r="P220" s="183"/>
      <c r="Q220" s="183">
        <v>367221</v>
      </c>
      <c r="R220" s="183"/>
      <c r="S220" s="183"/>
      <c r="T220" s="183"/>
      <c r="U220" s="183"/>
      <c r="V220" s="183"/>
      <c r="W220" s="183"/>
      <c r="X220" s="184">
        <v>371445</v>
      </c>
      <c r="Y220" s="184"/>
      <c r="Z220" s="184"/>
      <c r="AA220" s="184"/>
      <c r="AB220" s="184"/>
      <c r="AC220" s="184"/>
      <c r="AD220" s="185"/>
      <c r="AE220" s="16"/>
      <c r="AF220" s="6"/>
      <c r="AG220" s="16"/>
      <c r="AH220" s="16"/>
    </row>
    <row r="221" spans="1:34" s="38" customFormat="1" ht="15.95" customHeight="1">
      <c r="A221" s="240"/>
      <c r="B221" s="239"/>
      <c r="C221" s="182" t="s">
        <v>113</v>
      </c>
      <c r="D221" s="182"/>
      <c r="E221" s="182"/>
      <c r="F221" s="182"/>
      <c r="G221" s="182"/>
      <c r="H221" s="182"/>
      <c r="I221" s="182"/>
      <c r="J221" s="186">
        <v>264</v>
      </c>
      <c r="K221" s="183"/>
      <c r="L221" s="183"/>
      <c r="M221" s="183"/>
      <c r="N221" s="183"/>
      <c r="O221" s="183"/>
      <c r="P221" s="183"/>
      <c r="Q221" s="183">
        <v>243</v>
      </c>
      <c r="R221" s="183"/>
      <c r="S221" s="183"/>
      <c r="T221" s="183"/>
      <c r="U221" s="183"/>
      <c r="V221" s="183"/>
      <c r="W221" s="183"/>
      <c r="X221" s="184">
        <v>178</v>
      </c>
      <c r="Y221" s="184"/>
      <c r="Z221" s="184"/>
      <c r="AA221" s="184"/>
      <c r="AB221" s="184"/>
      <c r="AC221" s="184"/>
      <c r="AD221" s="185"/>
      <c r="AE221" s="16"/>
      <c r="AF221" s="6"/>
      <c r="AG221" s="16"/>
      <c r="AH221" s="16"/>
    </row>
    <row r="222" spans="1:34" s="38" customFormat="1" ht="15.95" customHeight="1">
      <c r="A222" s="256" t="s">
        <v>107</v>
      </c>
      <c r="B222" s="257"/>
      <c r="C222" s="257"/>
      <c r="D222" s="257"/>
      <c r="E222" s="257"/>
      <c r="F222" s="257"/>
      <c r="G222" s="257"/>
      <c r="H222" s="257"/>
      <c r="I222" s="257"/>
      <c r="J222" s="186">
        <v>249126</v>
      </c>
      <c r="K222" s="183"/>
      <c r="L222" s="183"/>
      <c r="M222" s="183"/>
      <c r="N222" s="183"/>
      <c r="O222" s="183"/>
      <c r="P222" s="183"/>
      <c r="Q222" s="183">
        <v>279755</v>
      </c>
      <c r="R222" s="183"/>
      <c r="S222" s="183"/>
      <c r="T222" s="183"/>
      <c r="U222" s="183"/>
      <c r="V222" s="183"/>
      <c r="W222" s="183"/>
      <c r="X222" s="184">
        <v>331310</v>
      </c>
      <c r="Y222" s="184"/>
      <c r="Z222" s="184"/>
      <c r="AA222" s="184"/>
      <c r="AB222" s="184"/>
      <c r="AC222" s="184"/>
      <c r="AD222" s="185"/>
      <c r="AE222" s="16"/>
      <c r="AF222" s="6"/>
      <c r="AG222" s="16"/>
      <c r="AH222" s="16"/>
    </row>
    <row r="223" spans="1:34" s="38" customFormat="1" ht="15.95" customHeight="1">
      <c r="A223" s="188" t="s">
        <v>108</v>
      </c>
      <c r="B223" s="189"/>
      <c r="C223" s="189"/>
      <c r="D223" s="189"/>
      <c r="E223" s="189"/>
      <c r="F223" s="189"/>
      <c r="G223" s="189"/>
      <c r="H223" s="189"/>
      <c r="I223" s="189"/>
      <c r="J223" s="161">
        <v>107493</v>
      </c>
      <c r="K223" s="162"/>
      <c r="L223" s="162"/>
      <c r="M223" s="162"/>
      <c r="N223" s="162"/>
      <c r="O223" s="162"/>
      <c r="P223" s="162"/>
      <c r="Q223" s="162">
        <v>107233</v>
      </c>
      <c r="R223" s="162"/>
      <c r="S223" s="162"/>
      <c r="T223" s="162"/>
      <c r="U223" s="162"/>
      <c r="V223" s="162"/>
      <c r="W223" s="162"/>
      <c r="X223" s="166">
        <v>107907</v>
      </c>
      <c r="Y223" s="166"/>
      <c r="Z223" s="166"/>
      <c r="AA223" s="166"/>
      <c r="AB223" s="166"/>
      <c r="AC223" s="166"/>
      <c r="AD223" s="167"/>
      <c r="AE223" s="16"/>
      <c r="AF223" s="6"/>
      <c r="AG223" s="16"/>
      <c r="AH223" s="16"/>
    </row>
    <row r="224" spans="1:34" s="38" customFormat="1" ht="12.95" customHeight="1">
      <c r="A224" s="23" t="s">
        <v>77</v>
      </c>
      <c r="B224" s="24"/>
      <c r="C224" s="24"/>
      <c r="D224" s="24"/>
      <c r="E224" s="24"/>
      <c r="F224" s="24"/>
      <c r="G224" s="24"/>
      <c r="H224" s="24"/>
      <c r="I224" s="24"/>
      <c r="J224" s="24"/>
      <c r="K224" s="24"/>
      <c r="L224" s="24"/>
      <c r="M224" s="24"/>
      <c r="N224" s="24"/>
      <c r="O224" s="24"/>
      <c r="P224" s="24"/>
      <c r="Q224" s="24"/>
      <c r="R224" s="24"/>
      <c r="S224" s="24"/>
      <c r="T224" s="24"/>
      <c r="U224" s="24"/>
      <c r="V224" s="24"/>
      <c r="W224" s="25"/>
      <c r="X224" s="25"/>
      <c r="Y224" s="25"/>
      <c r="Z224" s="25"/>
      <c r="AA224" s="25"/>
      <c r="AB224" s="26"/>
      <c r="AC224" s="25"/>
      <c r="AD224" s="9" t="s">
        <v>109</v>
      </c>
      <c r="AE224" s="16"/>
      <c r="AF224" s="6"/>
      <c r="AG224" s="16"/>
      <c r="AH224" s="16"/>
    </row>
    <row r="225" spans="1:34" s="46" customFormat="1" ht="12.95" customHeight="1">
      <c r="A225" s="6" t="s">
        <v>115</v>
      </c>
      <c r="B225" s="6"/>
      <c r="C225" s="6"/>
      <c r="D225" s="6"/>
      <c r="E225" s="6"/>
      <c r="F225" s="6"/>
      <c r="G225" s="6"/>
      <c r="H225" s="6"/>
      <c r="I225" s="6"/>
      <c r="J225" s="6"/>
      <c r="K225" s="6"/>
      <c r="L225" s="6"/>
      <c r="M225" s="6"/>
      <c r="N225" s="6"/>
      <c r="O225" s="6"/>
      <c r="P225" s="6"/>
      <c r="Q225" s="6"/>
      <c r="R225" s="6"/>
      <c r="S225" s="6"/>
      <c r="T225" s="6"/>
      <c r="U225" s="6"/>
      <c r="V225" s="6"/>
      <c r="W225" s="6"/>
      <c r="X225" s="6"/>
      <c r="Y225" s="6"/>
      <c r="Z225" s="6"/>
      <c r="AA225" s="6"/>
      <c r="AB225" s="6"/>
      <c r="AC225" s="6"/>
      <c r="AE225" s="6"/>
      <c r="AF225" s="6"/>
      <c r="AG225" s="6"/>
      <c r="AH225" s="6"/>
    </row>
    <row r="226" spans="1:34" s="46" customFormat="1" ht="12.95" customHeight="1">
      <c r="A226" s="6"/>
      <c r="B226" s="6"/>
      <c r="C226" s="6"/>
      <c r="D226" s="6"/>
      <c r="E226" s="6"/>
      <c r="F226" s="6"/>
      <c r="G226" s="6"/>
      <c r="H226" s="6"/>
      <c r="I226" s="6"/>
      <c r="J226" s="6"/>
      <c r="K226" s="6"/>
      <c r="L226" s="6"/>
      <c r="M226" s="6"/>
      <c r="N226" s="6"/>
      <c r="O226" s="6"/>
      <c r="P226" s="6"/>
      <c r="Q226" s="6"/>
      <c r="R226" s="6"/>
      <c r="S226" s="6"/>
      <c r="T226" s="6"/>
      <c r="U226" s="6"/>
      <c r="V226" s="6"/>
      <c r="W226" s="6"/>
      <c r="X226" s="6"/>
      <c r="Y226" s="6"/>
      <c r="Z226" s="6"/>
      <c r="AA226" s="6"/>
      <c r="AB226" s="6"/>
      <c r="AC226" s="6"/>
      <c r="AE226" s="6"/>
      <c r="AF226" s="6"/>
      <c r="AG226" s="6"/>
      <c r="AH226" s="6"/>
    </row>
    <row r="227" spans="1:34" s="29" customFormat="1" ht="20.100000000000001" customHeight="1">
      <c r="A227" s="12" t="s">
        <v>123</v>
      </c>
      <c r="B227" s="16"/>
      <c r="C227" s="16"/>
      <c r="D227" s="16"/>
      <c r="E227" s="16"/>
      <c r="F227" s="16"/>
      <c r="G227" s="16"/>
      <c r="H227" s="16"/>
      <c r="I227" s="16"/>
      <c r="J227" s="16"/>
      <c r="K227" s="16"/>
      <c r="L227" s="16"/>
      <c r="M227" s="16"/>
      <c r="N227" s="16"/>
      <c r="O227" s="16"/>
      <c r="P227" s="16"/>
      <c r="Q227" s="16"/>
      <c r="R227" s="16"/>
      <c r="S227" s="16"/>
      <c r="T227" s="16"/>
      <c r="U227" s="16"/>
      <c r="V227" s="16"/>
      <c r="W227" s="16"/>
      <c r="X227" s="16"/>
      <c r="Y227" s="16"/>
      <c r="Z227" s="16"/>
      <c r="AA227" s="16"/>
      <c r="AB227" s="16"/>
      <c r="AC227" s="16"/>
      <c r="AD227" s="16"/>
      <c r="AE227" s="16"/>
      <c r="AF227" s="6"/>
      <c r="AG227" s="16"/>
      <c r="AH227" s="16"/>
    </row>
    <row r="228" spans="1:34" s="38" customFormat="1" ht="15.75" customHeight="1">
      <c r="A228" s="16"/>
      <c r="B228" s="16" t="s">
        <v>198</v>
      </c>
      <c r="C228" s="16"/>
      <c r="D228" s="16"/>
      <c r="E228" s="16"/>
      <c r="F228" s="16"/>
      <c r="G228" s="16"/>
      <c r="H228" s="16"/>
      <c r="I228" s="16"/>
      <c r="J228" s="16"/>
      <c r="K228" s="16"/>
      <c r="L228" s="16"/>
      <c r="M228" s="16"/>
      <c r="N228" s="16"/>
      <c r="O228" s="16"/>
      <c r="P228" s="16"/>
      <c r="Q228" s="16"/>
      <c r="R228" s="16"/>
      <c r="S228" s="16"/>
      <c r="T228" s="16"/>
      <c r="U228" s="16"/>
      <c r="V228" s="16"/>
      <c r="W228" s="16"/>
      <c r="X228" s="16"/>
      <c r="Y228" s="16"/>
      <c r="Z228" s="16"/>
      <c r="AA228" s="16"/>
      <c r="AB228" s="16"/>
      <c r="AC228" s="16"/>
      <c r="AD228" s="16"/>
      <c r="AE228" s="16"/>
      <c r="AF228" s="6"/>
      <c r="AG228" s="16"/>
      <c r="AH228" s="16"/>
    </row>
    <row r="229" spans="1:34" s="29" customFormat="1" ht="15.95" customHeight="1">
      <c r="A229" s="169" t="s">
        <v>46</v>
      </c>
      <c r="B229" s="170"/>
      <c r="C229" s="170"/>
      <c r="D229" s="170"/>
      <c r="E229" s="170"/>
      <c r="F229" s="170"/>
      <c r="G229" s="170"/>
      <c r="H229" s="170"/>
      <c r="I229" s="170"/>
      <c r="J229" s="170"/>
      <c r="K229" s="170"/>
      <c r="L229" s="170"/>
      <c r="M229" s="170"/>
      <c r="N229" s="170"/>
      <c r="O229" s="170"/>
      <c r="P229" s="170"/>
      <c r="Q229" s="190" t="s">
        <v>47</v>
      </c>
      <c r="R229" s="170"/>
      <c r="S229" s="170"/>
      <c r="T229" s="170"/>
      <c r="U229" s="249" t="s">
        <v>48</v>
      </c>
      <c r="V229" s="250"/>
      <c r="W229" s="250"/>
      <c r="X229" s="251"/>
      <c r="Y229" s="152" t="s">
        <v>49</v>
      </c>
      <c r="Z229" s="153"/>
      <c r="AA229" s="153"/>
      <c r="AB229" s="153"/>
      <c r="AC229" s="153"/>
      <c r="AD229" s="153"/>
      <c r="AE229" s="16"/>
      <c r="AF229" s="6"/>
      <c r="AG229" s="16"/>
      <c r="AH229" s="16"/>
    </row>
    <row r="230" spans="1:34" s="29" customFormat="1" ht="15.95" customHeight="1">
      <c r="A230" s="171" t="s">
        <v>50</v>
      </c>
      <c r="B230" s="164"/>
      <c r="C230" s="164"/>
      <c r="D230" s="164"/>
      <c r="E230" s="163" t="s">
        <v>75</v>
      </c>
      <c r="F230" s="164"/>
      <c r="G230" s="164"/>
      <c r="H230" s="164"/>
      <c r="I230" s="163" t="s">
        <v>51</v>
      </c>
      <c r="J230" s="164"/>
      <c r="K230" s="164"/>
      <c r="L230" s="165"/>
      <c r="M230" s="163" t="s">
        <v>52</v>
      </c>
      <c r="N230" s="164"/>
      <c r="O230" s="164"/>
      <c r="P230" s="165"/>
      <c r="Q230" s="191"/>
      <c r="R230" s="192"/>
      <c r="S230" s="192"/>
      <c r="T230" s="192"/>
      <c r="U230" s="252"/>
      <c r="V230" s="253"/>
      <c r="W230" s="253"/>
      <c r="X230" s="254"/>
      <c r="Y230" s="356" t="s">
        <v>53</v>
      </c>
      <c r="Z230" s="357"/>
      <c r="AA230" s="358"/>
      <c r="AB230" s="334" t="s">
        <v>54</v>
      </c>
      <c r="AC230" s="335"/>
      <c r="AD230" s="335"/>
      <c r="AE230" s="16"/>
      <c r="AF230" s="6"/>
      <c r="AG230" s="16"/>
      <c r="AH230" s="16"/>
    </row>
    <row r="231" spans="1:34" s="29" customFormat="1" ht="15.95" customHeight="1">
      <c r="A231" s="193">
        <v>10</v>
      </c>
      <c r="B231" s="168"/>
      <c r="C231" s="168"/>
      <c r="D231" s="168"/>
      <c r="E231" s="168">
        <v>1</v>
      </c>
      <c r="F231" s="168"/>
      <c r="G231" s="168"/>
      <c r="H231" s="168"/>
      <c r="I231" s="168">
        <v>9</v>
      </c>
      <c r="J231" s="168"/>
      <c r="K231" s="168"/>
      <c r="L231" s="168"/>
      <c r="M231" s="336" t="s">
        <v>188</v>
      </c>
      <c r="N231" s="336"/>
      <c r="O231" s="336"/>
      <c r="P231" s="337"/>
      <c r="Q231" s="168">
        <v>88</v>
      </c>
      <c r="R231" s="168"/>
      <c r="S231" s="168"/>
      <c r="T231" s="168"/>
      <c r="U231" s="168">
        <v>44</v>
      </c>
      <c r="V231" s="168"/>
      <c r="W231" s="168"/>
      <c r="X231" s="168"/>
      <c r="Y231" s="168">
        <v>24</v>
      </c>
      <c r="Z231" s="168"/>
      <c r="AA231" s="168"/>
      <c r="AB231" s="168">
        <v>24</v>
      </c>
      <c r="AC231" s="168"/>
      <c r="AD231" s="338"/>
      <c r="AE231" s="16"/>
      <c r="AF231" s="6"/>
      <c r="AG231" s="16"/>
      <c r="AH231" s="16"/>
    </row>
    <row r="232" spans="1:34" s="29" customFormat="1" ht="12.95" customHeight="1">
      <c r="A232" s="23" t="s">
        <v>78</v>
      </c>
      <c r="B232" s="16"/>
      <c r="C232" s="16"/>
      <c r="D232" s="16"/>
      <c r="E232" s="16"/>
      <c r="F232" s="16"/>
      <c r="G232" s="16"/>
      <c r="H232" s="16"/>
      <c r="I232" s="16"/>
      <c r="J232" s="16"/>
      <c r="K232" s="16"/>
      <c r="L232" s="16"/>
      <c r="M232" s="16"/>
      <c r="N232" s="16"/>
      <c r="O232" s="16"/>
      <c r="P232" s="16"/>
      <c r="Q232" s="16"/>
      <c r="R232" s="16"/>
      <c r="S232" s="16"/>
      <c r="T232" s="16"/>
      <c r="U232" s="16"/>
      <c r="V232" s="16"/>
      <c r="W232" s="16"/>
      <c r="X232" s="16"/>
      <c r="Y232" s="9"/>
      <c r="Z232" s="9"/>
      <c r="AA232" s="9"/>
      <c r="AB232" s="9"/>
      <c r="AC232" s="9"/>
      <c r="AD232" s="9" t="s">
        <v>109</v>
      </c>
      <c r="AE232" s="16"/>
      <c r="AF232" s="6"/>
      <c r="AG232" s="16"/>
      <c r="AH232" s="16"/>
    </row>
    <row r="233" spans="1:34" s="32" customFormat="1" ht="12.95" customHeight="1">
      <c r="A233" s="6" t="s">
        <v>114</v>
      </c>
      <c r="B233" s="6"/>
      <c r="C233" s="6"/>
      <c r="D233" s="6"/>
      <c r="E233" s="6"/>
      <c r="F233" s="6"/>
      <c r="G233" s="6"/>
      <c r="H233" s="6"/>
      <c r="I233" s="6"/>
      <c r="J233" s="6"/>
      <c r="K233" s="6"/>
      <c r="L233" s="6"/>
      <c r="M233" s="6"/>
      <c r="N233" s="6"/>
      <c r="O233" s="6"/>
      <c r="P233" s="6"/>
      <c r="Q233" s="6"/>
      <c r="R233" s="6"/>
      <c r="S233" s="6"/>
      <c r="T233" s="6"/>
      <c r="U233" s="6"/>
      <c r="V233" s="6"/>
      <c r="W233" s="6"/>
      <c r="X233" s="6"/>
      <c r="Y233" s="6"/>
      <c r="Z233" s="6"/>
      <c r="AA233" s="6"/>
      <c r="AB233" s="6"/>
      <c r="AC233" s="6"/>
      <c r="AE233" s="6"/>
      <c r="AF233" s="6"/>
      <c r="AG233" s="6"/>
      <c r="AH233" s="6"/>
    </row>
    <row r="234" spans="1:34" s="29" customFormat="1" ht="14.1" customHeight="1">
      <c r="A234" s="6"/>
      <c r="B234" s="16"/>
      <c r="C234" s="16"/>
      <c r="D234" s="16"/>
      <c r="E234" s="16"/>
      <c r="F234" s="16"/>
      <c r="G234" s="16"/>
      <c r="H234" s="16"/>
      <c r="I234" s="16"/>
      <c r="J234" s="16"/>
      <c r="K234" s="16"/>
      <c r="L234" s="16"/>
      <c r="M234" s="16"/>
      <c r="N234" s="16"/>
      <c r="O234" s="16"/>
      <c r="P234" s="16"/>
      <c r="Q234" s="16"/>
      <c r="R234" s="16"/>
      <c r="S234" s="16"/>
      <c r="T234" s="16"/>
      <c r="U234" s="16"/>
      <c r="V234" s="16"/>
      <c r="W234" s="16"/>
      <c r="X234" s="16"/>
      <c r="Y234" s="16"/>
      <c r="Z234" s="16"/>
      <c r="AA234" s="16"/>
      <c r="AB234" s="16"/>
      <c r="AC234" s="16"/>
      <c r="AD234" s="9"/>
      <c r="AE234" s="16"/>
      <c r="AF234" s="6"/>
      <c r="AG234" s="16"/>
      <c r="AH234" s="16"/>
    </row>
    <row r="235" spans="1:34" s="29" customFormat="1" ht="20.100000000000001" customHeight="1">
      <c r="A235" s="12" t="s">
        <v>124</v>
      </c>
      <c r="B235" s="16"/>
      <c r="C235" s="16"/>
      <c r="D235" s="16"/>
      <c r="E235" s="16"/>
      <c r="F235" s="16"/>
      <c r="G235" s="16"/>
      <c r="H235" s="16"/>
      <c r="I235" s="16"/>
      <c r="J235" s="16"/>
      <c r="K235" s="16"/>
      <c r="L235" s="16"/>
      <c r="M235" s="16"/>
      <c r="N235" s="16"/>
      <c r="O235" s="16"/>
      <c r="P235" s="16"/>
      <c r="Q235" s="16"/>
      <c r="R235" s="16"/>
      <c r="S235" s="16"/>
      <c r="T235" s="16"/>
      <c r="U235" s="16"/>
      <c r="V235" s="16"/>
      <c r="W235" s="16"/>
      <c r="X235" s="16"/>
      <c r="Y235" s="16"/>
      <c r="Z235" s="16"/>
      <c r="AA235" s="16"/>
      <c r="AB235" s="16"/>
      <c r="AC235" s="16"/>
      <c r="AD235" s="16"/>
      <c r="AE235" s="16"/>
      <c r="AF235" s="6"/>
      <c r="AG235" s="16"/>
      <c r="AH235" s="16"/>
    </row>
    <row r="236" spans="1:34" s="29" customFormat="1" ht="15.95" customHeight="1">
      <c r="A236" s="16"/>
      <c r="B236" s="16" t="s">
        <v>43</v>
      </c>
      <c r="C236" s="16"/>
      <c r="D236" s="16"/>
      <c r="E236" s="16"/>
      <c r="F236" s="16"/>
      <c r="G236" s="16"/>
      <c r="H236" s="16"/>
      <c r="I236" s="16"/>
      <c r="J236" s="16"/>
      <c r="K236" s="16"/>
      <c r="L236" s="16"/>
      <c r="M236" s="16"/>
      <c r="N236" s="16"/>
      <c r="O236" s="16"/>
      <c r="P236" s="16"/>
      <c r="Q236" s="16"/>
      <c r="R236" s="16"/>
      <c r="S236" s="16"/>
      <c r="T236" s="16"/>
      <c r="U236" s="16"/>
      <c r="V236" s="16"/>
      <c r="W236" s="16"/>
      <c r="Y236" s="16"/>
      <c r="Z236" s="16"/>
      <c r="AB236" s="16"/>
      <c r="AC236" s="16"/>
      <c r="AD236" s="27"/>
      <c r="AE236" s="16"/>
      <c r="AF236" s="16"/>
      <c r="AG236" s="27" t="s">
        <v>106</v>
      </c>
    </row>
    <row r="237" spans="1:34" s="29" customFormat="1" ht="15.95" customHeight="1">
      <c r="A237" s="154" t="s">
        <v>4</v>
      </c>
      <c r="B237" s="155"/>
      <c r="C237" s="156"/>
      <c r="D237" s="157" t="s">
        <v>91</v>
      </c>
      <c r="E237" s="158"/>
      <c r="F237" s="158"/>
      <c r="G237" s="158"/>
      <c r="H237" s="158"/>
      <c r="I237" s="158"/>
      <c r="J237" s="158"/>
      <c r="K237" s="158"/>
      <c r="L237" s="158"/>
      <c r="M237" s="158"/>
      <c r="N237" s="158"/>
      <c r="O237" s="159"/>
      <c r="P237" s="160" t="s">
        <v>102</v>
      </c>
      <c r="Q237" s="160"/>
      <c r="R237" s="160"/>
      <c r="S237" s="160"/>
      <c r="T237" s="160"/>
      <c r="U237" s="160"/>
      <c r="V237" s="160"/>
      <c r="W237" s="160"/>
      <c r="X237" s="160"/>
      <c r="Y237" s="160"/>
      <c r="Z237" s="160"/>
      <c r="AA237" s="160"/>
      <c r="AB237" s="234" t="s">
        <v>103</v>
      </c>
      <c r="AC237" s="235"/>
      <c r="AD237" s="235"/>
      <c r="AE237" s="235"/>
      <c r="AF237" s="235"/>
      <c r="AG237" s="236"/>
    </row>
    <row r="238" spans="1:34" s="29" customFormat="1" ht="15.95" customHeight="1">
      <c r="A238" s="229" t="s">
        <v>3</v>
      </c>
      <c r="B238" s="230"/>
      <c r="C238" s="231"/>
      <c r="D238" s="191" t="s">
        <v>92</v>
      </c>
      <c r="E238" s="232"/>
      <c r="F238" s="232"/>
      <c r="G238" s="191" t="s">
        <v>104</v>
      </c>
      <c r="H238" s="192"/>
      <c r="I238" s="233"/>
      <c r="J238" s="191" t="s">
        <v>126</v>
      </c>
      <c r="K238" s="192"/>
      <c r="L238" s="233"/>
      <c r="M238" s="204" t="s">
        <v>105</v>
      </c>
      <c r="N238" s="205"/>
      <c r="O238" s="206"/>
      <c r="P238" s="207" t="s">
        <v>92</v>
      </c>
      <c r="Q238" s="208"/>
      <c r="R238" s="208"/>
      <c r="S238" s="207" t="s">
        <v>104</v>
      </c>
      <c r="T238" s="207"/>
      <c r="U238" s="207"/>
      <c r="V238" s="207" t="s">
        <v>126</v>
      </c>
      <c r="W238" s="207"/>
      <c r="X238" s="207"/>
      <c r="Y238" s="255" t="s">
        <v>105</v>
      </c>
      <c r="Z238" s="255"/>
      <c r="AA238" s="255"/>
      <c r="AB238" s="220" t="s">
        <v>5</v>
      </c>
      <c r="AC238" s="221"/>
      <c r="AD238" s="214" t="s">
        <v>127</v>
      </c>
      <c r="AE238" s="222"/>
      <c r="AF238" s="214" t="s">
        <v>128</v>
      </c>
      <c r="AG238" s="215"/>
    </row>
    <row r="239" spans="1:34" s="29" customFormat="1" ht="15.95" customHeight="1">
      <c r="A239" s="209">
        <v>4</v>
      </c>
      <c r="B239" s="210"/>
      <c r="C239" s="211"/>
      <c r="D239" s="212">
        <v>4766</v>
      </c>
      <c r="E239" s="213"/>
      <c r="F239" s="213"/>
      <c r="G239" s="203">
        <v>1144</v>
      </c>
      <c r="H239" s="203"/>
      <c r="I239" s="203"/>
      <c r="J239" s="203">
        <v>3622</v>
      </c>
      <c r="K239" s="203"/>
      <c r="L239" s="203"/>
      <c r="M239" s="216">
        <v>76</v>
      </c>
      <c r="N239" s="216"/>
      <c r="O239" s="216"/>
      <c r="P239" s="213">
        <v>733</v>
      </c>
      <c r="Q239" s="213"/>
      <c r="R239" s="213"/>
      <c r="S239" s="203">
        <v>680</v>
      </c>
      <c r="T239" s="203"/>
      <c r="U239" s="203"/>
      <c r="V239" s="203">
        <v>53</v>
      </c>
      <c r="W239" s="203"/>
      <c r="X239" s="203"/>
      <c r="Y239" s="216">
        <v>7.2</v>
      </c>
      <c r="Z239" s="216"/>
      <c r="AA239" s="216"/>
      <c r="AB239" s="203">
        <v>42</v>
      </c>
      <c r="AC239" s="203"/>
      <c r="AD239" s="217">
        <v>24</v>
      </c>
      <c r="AE239" s="217"/>
      <c r="AF239" s="217">
        <v>18</v>
      </c>
      <c r="AG239" s="218"/>
    </row>
    <row r="240" spans="1:34" s="29" customFormat="1" ht="15.95" customHeight="1">
      <c r="A240" s="226">
        <v>5</v>
      </c>
      <c r="B240" s="227"/>
      <c r="C240" s="228"/>
      <c r="D240" s="212">
        <v>4320</v>
      </c>
      <c r="E240" s="213"/>
      <c r="F240" s="213"/>
      <c r="G240" s="203">
        <v>961</v>
      </c>
      <c r="H240" s="203"/>
      <c r="I240" s="203"/>
      <c r="J240" s="203">
        <v>3359</v>
      </c>
      <c r="K240" s="203"/>
      <c r="L240" s="203"/>
      <c r="M240" s="216">
        <v>77.8</v>
      </c>
      <c r="N240" s="216"/>
      <c r="O240" s="216"/>
      <c r="P240" s="213">
        <v>522</v>
      </c>
      <c r="Q240" s="213"/>
      <c r="R240" s="213"/>
      <c r="S240" s="203">
        <v>473</v>
      </c>
      <c r="T240" s="203"/>
      <c r="U240" s="203"/>
      <c r="V240" s="203">
        <v>49</v>
      </c>
      <c r="W240" s="203"/>
      <c r="X240" s="203"/>
      <c r="Y240" s="216">
        <v>9.4</v>
      </c>
      <c r="Z240" s="216"/>
      <c r="AA240" s="216"/>
      <c r="AB240" s="203">
        <v>38</v>
      </c>
      <c r="AC240" s="203"/>
      <c r="AD240" s="203">
        <v>21</v>
      </c>
      <c r="AE240" s="203"/>
      <c r="AF240" s="203">
        <v>17</v>
      </c>
      <c r="AG240" s="219"/>
    </row>
    <row r="241" spans="1:34" s="48" customFormat="1" ht="15.95" customHeight="1">
      <c r="A241" s="223">
        <v>6</v>
      </c>
      <c r="B241" s="224"/>
      <c r="C241" s="224"/>
      <c r="D241" s="225">
        <v>4112</v>
      </c>
      <c r="E241" s="202"/>
      <c r="F241" s="202"/>
      <c r="G241" s="200">
        <v>967</v>
      </c>
      <c r="H241" s="200"/>
      <c r="I241" s="200"/>
      <c r="J241" s="200">
        <v>3145</v>
      </c>
      <c r="K241" s="200"/>
      <c r="L241" s="200"/>
      <c r="M241" s="201">
        <v>76.483463035019454</v>
      </c>
      <c r="N241" s="201"/>
      <c r="O241" s="201"/>
      <c r="P241" s="202">
        <v>419</v>
      </c>
      <c r="Q241" s="202"/>
      <c r="R241" s="202"/>
      <c r="S241" s="200">
        <v>375</v>
      </c>
      <c r="T241" s="200"/>
      <c r="U241" s="200"/>
      <c r="V241" s="200">
        <v>44</v>
      </c>
      <c r="W241" s="200"/>
      <c r="X241" s="200"/>
      <c r="Y241" s="201">
        <v>10.501193317422434</v>
      </c>
      <c r="Z241" s="201"/>
      <c r="AA241" s="201"/>
      <c r="AB241" s="200">
        <v>33</v>
      </c>
      <c r="AC241" s="200"/>
      <c r="AD241" s="200">
        <v>17</v>
      </c>
      <c r="AE241" s="200"/>
      <c r="AF241" s="200">
        <v>16</v>
      </c>
      <c r="AG241" s="237"/>
    </row>
    <row r="242" spans="1:34" s="29" customFormat="1" ht="12.95" customHeight="1">
      <c r="A242" s="28" t="s">
        <v>111</v>
      </c>
      <c r="B242" s="28"/>
      <c r="C242" s="28"/>
      <c r="D242" s="28"/>
      <c r="E242" s="28"/>
      <c r="F242" s="28"/>
      <c r="G242" s="28"/>
      <c r="H242" s="28"/>
      <c r="I242" s="28"/>
      <c r="J242" s="28"/>
      <c r="K242" s="28"/>
      <c r="L242" s="28"/>
      <c r="M242" s="28"/>
      <c r="N242" s="28"/>
      <c r="O242" s="28"/>
      <c r="P242" s="28"/>
      <c r="Q242" s="28"/>
      <c r="R242" s="28"/>
      <c r="S242" s="28"/>
      <c r="T242" s="28"/>
      <c r="U242" s="28"/>
      <c r="V242" s="28"/>
      <c r="W242" s="28"/>
      <c r="X242" s="28"/>
      <c r="Y242" s="28"/>
      <c r="Z242" s="28"/>
      <c r="AB242" s="28"/>
      <c r="AC242" s="28"/>
      <c r="AD242" s="9"/>
      <c r="AE242" s="16"/>
      <c r="AF242" s="16"/>
      <c r="AG242" s="9" t="s">
        <v>131</v>
      </c>
    </row>
    <row r="243" spans="1:34" s="29" customFormat="1" ht="12.95" customHeight="1">
      <c r="A243" s="28" t="s">
        <v>110</v>
      </c>
      <c r="B243" s="28"/>
      <c r="C243" s="28"/>
      <c r="D243" s="28"/>
      <c r="E243" s="28"/>
      <c r="F243" s="28"/>
      <c r="G243" s="28"/>
      <c r="H243" s="28"/>
      <c r="I243" s="28"/>
      <c r="J243" s="28"/>
      <c r="K243" s="28"/>
      <c r="L243" s="28"/>
      <c r="M243" s="28"/>
      <c r="N243" s="28"/>
      <c r="O243" s="28"/>
      <c r="P243" s="28"/>
      <c r="Q243" s="28"/>
      <c r="R243" s="28"/>
      <c r="S243" s="28"/>
      <c r="T243" s="28"/>
      <c r="U243" s="28"/>
      <c r="V243" s="28"/>
      <c r="W243" s="28"/>
      <c r="X243" s="28"/>
      <c r="Y243" s="16"/>
      <c r="Z243" s="16"/>
      <c r="AA243" s="16"/>
      <c r="AB243" s="16"/>
      <c r="AC243" s="16"/>
      <c r="AD243" s="16"/>
      <c r="AE243" s="16"/>
      <c r="AF243" s="16"/>
      <c r="AG243" s="16"/>
    </row>
    <row r="244" spans="1:34" s="29" customFormat="1" ht="14.1" customHeight="1">
      <c r="A244" s="1"/>
      <c r="B244" s="28"/>
      <c r="C244" s="28"/>
      <c r="D244" s="28"/>
      <c r="E244" s="28"/>
      <c r="F244" s="28"/>
      <c r="G244" s="28"/>
      <c r="H244" s="28"/>
      <c r="I244" s="28"/>
      <c r="J244" s="28"/>
      <c r="K244" s="28"/>
      <c r="L244" s="28"/>
      <c r="M244" s="28"/>
      <c r="N244" s="28"/>
      <c r="O244" s="28"/>
      <c r="P244" s="28"/>
      <c r="Q244" s="28"/>
      <c r="R244" s="28"/>
      <c r="S244" s="28"/>
      <c r="T244" s="28"/>
      <c r="U244" s="28"/>
      <c r="V244" s="28"/>
      <c r="W244" s="28"/>
      <c r="X244" s="28"/>
      <c r="Y244" s="16"/>
      <c r="Z244" s="16"/>
      <c r="AA244" s="16"/>
      <c r="AB244" s="16"/>
      <c r="AC244" s="16"/>
      <c r="AD244" s="16"/>
      <c r="AE244" s="16"/>
      <c r="AF244" s="6"/>
      <c r="AG244" s="16"/>
      <c r="AH244" s="16"/>
    </row>
    <row r="245" spans="1:34" ht="14.25" customHeight="1"/>
    <row r="246" spans="1:34" ht="15.75" customHeight="1"/>
  </sheetData>
  <protectedRanges>
    <protectedRange sqref="D34:H34" name="範囲1"/>
    <protectedRange sqref="J34:N34" name="範囲1_1"/>
    <protectedRange sqref="P34:T34" name="範囲1_2"/>
    <protectedRange sqref="D26:R27" name="範囲1_4"/>
    <protectedRange sqref="AB239:AC239 AB240:AG240 G239:L240 S239:X240" name="範囲1_7"/>
    <protectedRange sqref="G241:L241" name="範囲1_1_1"/>
    <protectedRange sqref="S241:U241" name="範囲1_3_1"/>
    <protectedRange sqref="V241:X241" name="範囲1_5_1"/>
    <protectedRange sqref="AB241:AG241" name="範囲1_6_1"/>
    <protectedRange sqref="S26:AG27" name="範囲1_5"/>
    <protectedRange sqref="P13:T16 V13:W16 Y13:AC16 AE13:AF16" name="範囲1_9"/>
    <protectedRange sqref="P6:T6 P12:T12 Y6:AC12 V6:W12 AE6:AF12" name="範囲1_10"/>
    <protectedRange sqref="U12:U16 X12:X16 AD12:AD16 AG12:AG16" name="範囲1_12"/>
    <protectedRange sqref="P7:U11 U6 X6:X11 AD6:AD11 AG6:AG11" name="範囲1_8"/>
    <protectedRange sqref="J204:W207 J199:W202" name="範囲1_3"/>
    <protectedRange sqref="J220:W223 J215:W218" name="範囲1_11"/>
    <protectedRange sqref="G12:O16" name="範囲1_6"/>
    <protectedRange sqref="G6:O11" name="範囲1_3_2"/>
  </protectedRanges>
  <mergeCells count="1077">
    <mergeCell ref="B190:E192"/>
    <mergeCell ref="F190:L190"/>
    <mergeCell ref="F191:L192"/>
    <mergeCell ref="M192:U192"/>
    <mergeCell ref="A179:C179"/>
    <mergeCell ref="D179:F179"/>
    <mergeCell ref="G179:I179"/>
    <mergeCell ref="J179:L179"/>
    <mergeCell ref="M179:O179"/>
    <mergeCell ref="P179:R179"/>
    <mergeCell ref="S179:U179"/>
    <mergeCell ref="A181:C181"/>
    <mergeCell ref="D181:F181"/>
    <mergeCell ref="G181:I181"/>
    <mergeCell ref="J181:L181"/>
    <mergeCell ref="M181:O181"/>
    <mergeCell ref="P181:R181"/>
    <mergeCell ref="S181:U181"/>
    <mergeCell ref="M190:U190"/>
    <mergeCell ref="M191:U191"/>
    <mergeCell ref="V181:X181"/>
    <mergeCell ref="B184:E189"/>
    <mergeCell ref="F184:L186"/>
    <mergeCell ref="M184:U184"/>
    <mergeCell ref="M185:U185"/>
    <mergeCell ref="M186:U186"/>
    <mergeCell ref="F187:L189"/>
    <mergeCell ref="M187:U187"/>
    <mergeCell ref="M188:U188"/>
    <mergeCell ref="M189:U189"/>
    <mergeCell ref="A178:C178"/>
    <mergeCell ref="D178:F178"/>
    <mergeCell ref="G178:I178"/>
    <mergeCell ref="J178:L178"/>
    <mergeCell ref="M178:O178"/>
    <mergeCell ref="P178:R178"/>
    <mergeCell ref="S178:U178"/>
    <mergeCell ref="V178:X178"/>
    <mergeCell ref="V179:X179"/>
    <mergeCell ref="A180:C180"/>
    <mergeCell ref="D180:F180"/>
    <mergeCell ref="G180:I180"/>
    <mergeCell ref="J180:L180"/>
    <mergeCell ref="M180:O180"/>
    <mergeCell ref="P180:R180"/>
    <mergeCell ref="S180:U180"/>
    <mergeCell ref="V180:X180"/>
    <mergeCell ref="G175:I175"/>
    <mergeCell ref="J175:L175"/>
    <mergeCell ref="M175:O175"/>
    <mergeCell ref="P175:R175"/>
    <mergeCell ref="S175:U175"/>
    <mergeCell ref="V175:X175"/>
    <mergeCell ref="A176:C176"/>
    <mergeCell ref="D176:F176"/>
    <mergeCell ref="G176:I176"/>
    <mergeCell ref="J176:L176"/>
    <mergeCell ref="M176:O176"/>
    <mergeCell ref="P176:R176"/>
    <mergeCell ref="S176:U176"/>
    <mergeCell ref="V176:X176"/>
    <mergeCell ref="A177:C177"/>
    <mergeCell ref="D177:F177"/>
    <mergeCell ref="G177:I177"/>
    <mergeCell ref="J177:L177"/>
    <mergeCell ref="M177:O177"/>
    <mergeCell ref="P177:R177"/>
    <mergeCell ref="S177:U177"/>
    <mergeCell ref="V177:X177"/>
    <mergeCell ref="A175:C175"/>
    <mergeCell ref="D175:F175"/>
    <mergeCell ref="V171:X171"/>
    <mergeCell ref="D172:F172"/>
    <mergeCell ref="G172:I172"/>
    <mergeCell ref="J172:L172"/>
    <mergeCell ref="M172:O172"/>
    <mergeCell ref="P172:R172"/>
    <mergeCell ref="S172:U172"/>
    <mergeCell ref="V172:X172"/>
    <mergeCell ref="D173:F173"/>
    <mergeCell ref="G173:I173"/>
    <mergeCell ref="J173:L173"/>
    <mergeCell ref="M173:O173"/>
    <mergeCell ref="P173:R173"/>
    <mergeCell ref="S173:U173"/>
    <mergeCell ref="V173:X173"/>
    <mergeCell ref="A174:C174"/>
    <mergeCell ref="D174:F174"/>
    <mergeCell ref="G174:I174"/>
    <mergeCell ref="J174:L174"/>
    <mergeCell ref="M174:O174"/>
    <mergeCell ref="P174:R174"/>
    <mergeCell ref="S174:U174"/>
    <mergeCell ref="V174:X174"/>
    <mergeCell ref="A171:C171"/>
    <mergeCell ref="A172:C172"/>
    <mergeCell ref="A173:C173"/>
    <mergeCell ref="V167:X167"/>
    <mergeCell ref="D168:F168"/>
    <mergeCell ref="G168:I168"/>
    <mergeCell ref="J168:L168"/>
    <mergeCell ref="M168:O168"/>
    <mergeCell ref="P168:R168"/>
    <mergeCell ref="S168:U168"/>
    <mergeCell ref="V168:X168"/>
    <mergeCell ref="A169:C169"/>
    <mergeCell ref="D169:F169"/>
    <mergeCell ref="G169:I169"/>
    <mergeCell ref="J169:L169"/>
    <mergeCell ref="M169:O169"/>
    <mergeCell ref="P169:R169"/>
    <mergeCell ref="S169:U169"/>
    <mergeCell ref="V169:X169"/>
    <mergeCell ref="J170:L170"/>
    <mergeCell ref="M170:O170"/>
    <mergeCell ref="P170:R170"/>
    <mergeCell ref="S170:U170"/>
    <mergeCell ref="V170:X170"/>
    <mergeCell ref="D170:F170"/>
    <mergeCell ref="G170:I170"/>
    <mergeCell ref="A168:C168"/>
    <mergeCell ref="A170:C170"/>
    <mergeCell ref="A167:C167"/>
    <mergeCell ref="V163:X163"/>
    <mergeCell ref="D164:F164"/>
    <mergeCell ref="G164:I164"/>
    <mergeCell ref="J164:L164"/>
    <mergeCell ref="M164:O164"/>
    <mergeCell ref="P164:R164"/>
    <mergeCell ref="S164:U164"/>
    <mergeCell ref="V164:X164"/>
    <mergeCell ref="A165:C165"/>
    <mergeCell ref="D165:F165"/>
    <mergeCell ref="G165:I165"/>
    <mergeCell ref="J165:L165"/>
    <mergeCell ref="M165:O165"/>
    <mergeCell ref="P165:R165"/>
    <mergeCell ref="S165:U165"/>
    <mergeCell ref="V165:X165"/>
    <mergeCell ref="D166:F166"/>
    <mergeCell ref="G166:I166"/>
    <mergeCell ref="J166:L166"/>
    <mergeCell ref="M166:O166"/>
    <mergeCell ref="P166:R166"/>
    <mergeCell ref="S166:U166"/>
    <mergeCell ref="V166:X166"/>
    <mergeCell ref="A166:C166"/>
    <mergeCell ref="A164:C164"/>
    <mergeCell ref="D158:F158"/>
    <mergeCell ref="G158:I158"/>
    <mergeCell ref="J158:L158"/>
    <mergeCell ref="M158:O158"/>
    <mergeCell ref="P158:R158"/>
    <mergeCell ref="S158:U158"/>
    <mergeCell ref="V158:X158"/>
    <mergeCell ref="A159:C159"/>
    <mergeCell ref="D159:F159"/>
    <mergeCell ref="G159:I159"/>
    <mergeCell ref="J159:L159"/>
    <mergeCell ref="M159:O159"/>
    <mergeCell ref="P159:R159"/>
    <mergeCell ref="S159:U159"/>
    <mergeCell ref="V159:X159"/>
    <mergeCell ref="D160:F160"/>
    <mergeCell ref="G160:I160"/>
    <mergeCell ref="J160:L160"/>
    <mergeCell ref="M160:O160"/>
    <mergeCell ref="P160:R160"/>
    <mergeCell ref="S160:U160"/>
    <mergeCell ref="V160:X160"/>
    <mergeCell ref="D155:F155"/>
    <mergeCell ref="G155:I155"/>
    <mergeCell ref="J155:L155"/>
    <mergeCell ref="M155:O155"/>
    <mergeCell ref="P155:R155"/>
    <mergeCell ref="S155:U155"/>
    <mergeCell ref="V155:X155"/>
    <mergeCell ref="D156:F156"/>
    <mergeCell ref="G156:I156"/>
    <mergeCell ref="J156:L156"/>
    <mergeCell ref="M156:O156"/>
    <mergeCell ref="P156:R156"/>
    <mergeCell ref="S156:U156"/>
    <mergeCell ref="V156:X156"/>
    <mergeCell ref="D157:F157"/>
    <mergeCell ref="G157:I157"/>
    <mergeCell ref="J157:L157"/>
    <mergeCell ref="M157:O157"/>
    <mergeCell ref="P157:R157"/>
    <mergeCell ref="S157:U157"/>
    <mergeCell ref="V157:X157"/>
    <mergeCell ref="D152:F152"/>
    <mergeCell ref="G152:I152"/>
    <mergeCell ref="J152:L152"/>
    <mergeCell ref="M152:O152"/>
    <mergeCell ref="P152:R152"/>
    <mergeCell ref="S152:U152"/>
    <mergeCell ref="V152:X152"/>
    <mergeCell ref="D153:F153"/>
    <mergeCell ref="G153:I153"/>
    <mergeCell ref="J153:L153"/>
    <mergeCell ref="M153:O153"/>
    <mergeCell ref="P153:R153"/>
    <mergeCell ref="S153:U153"/>
    <mergeCell ref="V153:X153"/>
    <mergeCell ref="D154:F154"/>
    <mergeCell ref="G154:I154"/>
    <mergeCell ref="J154:L154"/>
    <mergeCell ref="M154:O154"/>
    <mergeCell ref="P154:R154"/>
    <mergeCell ref="S154:U154"/>
    <mergeCell ref="V154:X154"/>
    <mergeCell ref="D149:F149"/>
    <mergeCell ref="G149:I149"/>
    <mergeCell ref="J149:L149"/>
    <mergeCell ref="M149:O149"/>
    <mergeCell ref="P149:R149"/>
    <mergeCell ref="S149:U149"/>
    <mergeCell ref="V149:X149"/>
    <mergeCell ref="D150:F150"/>
    <mergeCell ref="G150:I150"/>
    <mergeCell ref="J150:L150"/>
    <mergeCell ref="M150:O150"/>
    <mergeCell ref="P150:R150"/>
    <mergeCell ref="S150:U150"/>
    <mergeCell ref="V150:X150"/>
    <mergeCell ref="D151:F151"/>
    <mergeCell ref="G151:I151"/>
    <mergeCell ref="J151:L151"/>
    <mergeCell ref="M151:O151"/>
    <mergeCell ref="P151:R151"/>
    <mergeCell ref="S151:U151"/>
    <mergeCell ref="V151:X151"/>
    <mergeCell ref="S144:U144"/>
    <mergeCell ref="V144:X144"/>
    <mergeCell ref="D146:F146"/>
    <mergeCell ref="G146:I146"/>
    <mergeCell ref="J146:L146"/>
    <mergeCell ref="M146:O146"/>
    <mergeCell ref="P146:R146"/>
    <mergeCell ref="S146:U146"/>
    <mergeCell ref="V146:X146"/>
    <mergeCell ref="D147:F147"/>
    <mergeCell ref="G147:I147"/>
    <mergeCell ref="J147:L147"/>
    <mergeCell ref="M147:O147"/>
    <mergeCell ref="P147:R147"/>
    <mergeCell ref="S147:U147"/>
    <mergeCell ref="V147:X147"/>
    <mergeCell ref="A148:C148"/>
    <mergeCell ref="D148:F148"/>
    <mergeCell ref="G148:I148"/>
    <mergeCell ref="J148:L148"/>
    <mergeCell ref="M148:O148"/>
    <mergeCell ref="P148:R148"/>
    <mergeCell ref="S148:U148"/>
    <mergeCell ref="V148:X148"/>
    <mergeCell ref="V145:X145"/>
    <mergeCell ref="V140:X140"/>
    <mergeCell ref="D141:F141"/>
    <mergeCell ref="G141:I141"/>
    <mergeCell ref="J141:L141"/>
    <mergeCell ref="M141:O141"/>
    <mergeCell ref="P141:R141"/>
    <mergeCell ref="S141:U141"/>
    <mergeCell ref="V141:X141"/>
    <mergeCell ref="J142:L142"/>
    <mergeCell ref="M142:O142"/>
    <mergeCell ref="P142:R142"/>
    <mergeCell ref="S142:U142"/>
    <mergeCell ref="V142:X142"/>
    <mergeCell ref="A143:C143"/>
    <mergeCell ref="D143:F143"/>
    <mergeCell ref="G143:I143"/>
    <mergeCell ref="J143:L143"/>
    <mergeCell ref="M143:O143"/>
    <mergeCell ref="P143:R143"/>
    <mergeCell ref="S143:U143"/>
    <mergeCell ref="V143:X143"/>
    <mergeCell ref="A142:C142"/>
    <mergeCell ref="V136:X136"/>
    <mergeCell ref="D137:F137"/>
    <mergeCell ref="G137:I137"/>
    <mergeCell ref="J137:L137"/>
    <mergeCell ref="M137:O137"/>
    <mergeCell ref="P137:R137"/>
    <mergeCell ref="S137:U137"/>
    <mergeCell ref="V137:X137"/>
    <mergeCell ref="D138:F138"/>
    <mergeCell ref="G138:I138"/>
    <mergeCell ref="J138:L138"/>
    <mergeCell ref="M138:O138"/>
    <mergeCell ref="P138:R138"/>
    <mergeCell ref="S138:U138"/>
    <mergeCell ref="V138:X138"/>
    <mergeCell ref="J139:L139"/>
    <mergeCell ref="M139:O139"/>
    <mergeCell ref="P139:R139"/>
    <mergeCell ref="S139:U139"/>
    <mergeCell ref="V139:X139"/>
    <mergeCell ref="D133:F133"/>
    <mergeCell ref="G133:I133"/>
    <mergeCell ref="J133:L133"/>
    <mergeCell ref="M133:O133"/>
    <mergeCell ref="P133:R133"/>
    <mergeCell ref="S133:U133"/>
    <mergeCell ref="V133:X133"/>
    <mergeCell ref="D134:F134"/>
    <mergeCell ref="G134:I134"/>
    <mergeCell ref="J134:L134"/>
    <mergeCell ref="M134:O134"/>
    <mergeCell ref="P134:R134"/>
    <mergeCell ref="S134:U134"/>
    <mergeCell ref="V134:X134"/>
    <mergeCell ref="D135:F135"/>
    <mergeCell ref="G135:I135"/>
    <mergeCell ref="J135:L135"/>
    <mergeCell ref="M135:O135"/>
    <mergeCell ref="P135:R135"/>
    <mergeCell ref="S135:U135"/>
    <mergeCell ref="V135:X135"/>
    <mergeCell ref="D130:F130"/>
    <mergeCell ref="G130:I130"/>
    <mergeCell ref="J130:L130"/>
    <mergeCell ref="M130:O130"/>
    <mergeCell ref="P130:R130"/>
    <mergeCell ref="S130:U130"/>
    <mergeCell ref="V130:X130"/>
    <mergeCell ref="D131:F131"/>
    <mergeCell ref="G131:I131"/>
    <mergeCell ref="J131:L131"/>
    <mergeCell ref="M131:O131"/>
    <mergeCell ref="P131:R131"/>
    <mergeCell ref="S131:U131"/>
    <mergeCell ref="V131:X131"/>
    <mergeCell ref="D132:F132"/>
    <mergeCell ref="G132:I132"/>
    <mergeCell ref="J132:L132"/>
    <mergeCell ref="M132:O132"/>
    <mergeCell ref="P132:R132"/>
    <mergeCell ref="S132:U132"/>
    <mergeCell ref="V132:X132"/>
    <mergeCell ref="A112:G114"/>
    <mergeCell ref="Y112:AA112"/>
    <mergeCell ref="AB112:AD112"/>
    <mergeCell ref="AE112:AG112"/>
    <mergeCell ref="Y113:AA113"/>
    <mergeCell ref="AB113:AD113"/>
    <mergeCell ref="AE113:AG113"/>
    <mergeCell ref="Y114:AA114"/>
    <mergeCell ref="AB114:AD114"/>
    <mergeCell ref="AE114:AG114"/>
    <mergeCell ref="A127:I127"/>
    <mergeCell ref="J127:L129"/>
    <mergeCell ref="M127:O129"/>
    <mergeCell ref="P127:R129"/>
    <mergeCell ref="S127:X127"/>
    <mergeCell ref="A128:C129"/>
    <mergeCell ref="D128:F129"/>
    <mergeCell ref="G128:I129"/>
    <mergeCell ref="S128:U129"/>
    <mergeCell ref="V128:X129"/>
    <mergeCell ref="H113:N113"/>
    <mergeCell ref="A105:G108"/>
    <mergeCell ref="Y105:AA105"/>
    <mergeCell ref="AB105:AD105"/>
    <mergeCell ref="AE105:AG105"/>
    <mergeCell ref="AB106:AD106"/>
    <mergeCell ref="AE106:AG106"/>
    <mergeCell ref="Y107:AA107"/>
    <mergeCell ref="AB107:AD107"/>
    <mergeCell ref="Y108:AA108"/>
    <mergeCell ref="AE108:AG108"/>
    <mergeCell ref="A109:G111"/>
    <mergeCell ref="Y109:AA109"/>
    <mergeCell ref="AB109:AD109"/>
    <mergeCell ref="AE109:AG109"/>
    <mergeCell ref="Y110:AA110"/>
    <mergeCell ref="AB110:AD110"/>
    <mergeCell ref="AE110:AG110"/>
    <mergeCell ref="Y111:AA111"/>
    <mergeCell ref="AB111:AD111"/>
    <mergeCell ref="AE111:AG111"/>
    <mergeCell ref="H105:N105"/>
    <mergeCell ref="H107:N107"/>
    <mergeCell ref="H110:N110"/>
    <mergeCell ref="A89:G94"/>
    <mergeCell ref="AB89:AD89"/>
    <mergeCell ref="Y90:AA90"/>
    <mergeCell ref="Y91:AA91"/>
    <mergeCell ref="AB93:AD93"/>
    <mergeCell ref="AE93:AG93"/>
    <mergeCell ref="Y94:AA94"/>
    <mergeCell ref="AE94:AG94"/>
    <mergeCell ref="A95:G95"/>
    <mergeCell ref="Y95:AA95"/>
    <mergeCell ref="AB95:AD95"/>
    <mergeCell ref="A96:G103"/>
    <mergeCell ref="Y96:AA96"/>
    <mergeCell ref="AE96:AG96"/>
    <mergeCell ref="Y97:AA97"/>
    <mergeCell ref="AB97:AD97"/>
    <mergeCell ref="Y98:AA98"/>
    <mergeCell ref="AB98:AD98"/>
    <mergeCell ref="AE98:AG98"/>
    <mergeCell ref="Y99:AA99"/>
    <mergeCell ref="AB99:AD99"/>
    <mergeCell ref="AE99:AG99"/>
    <mergeCell ref="Y100:AA100"/>
    <mergeCell ref="AE100:AG100"/>
    <mergeCell ref="Y101:AA101"/>
    <mergeCell ref="AB101:AD101"/>
    <mergeCell ref="AE101:AG101"/>
    <mergeCell ref="Y102:AA102"/>
    <mergeCell ref="AB102:AD102"/>
    <mergeCell ref="AE102:AG102"/>
    <mergeCell ref="AB103:AD103"/>
    <mergeCell ref="Y93:AA93"/>
    <mergeCell ref="A79:G82"/>
    <mergeCell ref="Y79:AA79"/>
    <mergeCell ref="AE79:AG79"/>
    <mergeCell ref="Y80:AA80"/>
    <mergeCell ref="AB80:AD80"/>
    <mergeCell ref="AE80:AG80"/>
    <mergeCell ref="Y82:AA82"/>
    <mergeCell ref="A83:G83"/>
    <mergeCell ref="A84:G87"/>
    <mergeCell ref="Y84:AA84"/>
    <mergeCell ref="Y85:AA85"/>
    <mergeCell ref="AE85:AG85"/>
    <mergeCell ref="Y86:AA86"/>
    <mergeCell ref="AB86:AD86"/>
    <mergeCell ref="Y87:AA87"/>
    <mergeCell ref="AB87:AD87"/>
    <mergeCell ref="AE87:AG87"/>
    <mergeCell ref="AB85:AD85"/>
    <mergeCell ref="AB79:AD79"/>
    <mergeCell ref="AB83:AD83"/>
    <mergeCell ref="AB82:AD82"/>
    <mergeCell ref="AB84:AD84"/>
    <mergeCell ref="AE86:AG86"/>
    <mergeCell ref="O79:S79"/>
    <mergeCell ref="O81:S81"/>
    <mergeCell ref="O84:S84"/>
    <mergeCell ref="T71:X71"/>
    <mergeCell ref="AE71:AG71"/>
    <mergeCell ref="A72:G77"/>
    <mergeCell ref="Y72:AA72"/>
    <mergeCell ref="AE72:AG72"/>
    <mergeCell ref="Y73:AA73"/>
    <mergeCell ref="AB73:AD73"/>
    <mergeCell ref="AE73:AG73"/>
    <mergeCell ref="AB74:AD74"/>
    <mergeCell ref="AE74:AG74"/>
    <mergeCell ref="Y75:AA75"/>
    <mergeCell ref="AB75:AD75"/>
    <mergeCell ref="AE75:AG75"/>
    <mergeCell ref="Y77:AA77"/>
    <mergeCell ref="AE77:AG77"/>
    <mergeCell ref="H78:N78"/>
    <mergeCell ref="O78:S78"/>
    <mergeCell ref="T78:X78"/>
    <mergeCell ref="Y78:AA78"/>
    <mergeCell ref="AE78:AG78"/>
    <mergeCell ref="Y71:AA71"/>
    <mergeCell ref="O72:S72"/>
    <mergeCell ref="O74:S74"/>
    <mergeCell ref="O76:S76"/>
    <mergeCell ref="V162:X162"/>
    <mergeCell ref="D163:F163"/>
    <mergeCell ref="G163:I163"/>
    <mergeCell ref="J163:L163"/>
    <mergeCell ref="M163:O163"/>
    <mergeCell ref="P163:R163"/>
    <mergeCell ref="S163:U163"/>
    <mergeCell ref="A193:AD193"/>
    <mergeCell ref="O60:X61"/>
    <mergeCell ref="Y60:AG60"/>
    <mergeCell ref="Y61:AA62"/>
    <mergeCell ref="AB61:AD62"/>
    <mergeCell ref="AE61:AG62"/>
    <mergeCell ref="O62:S62"/>
    <mergeCell ref="T62:X62"/>
    <mergeCell ref="O63:S63"/>
    <mergeCell ref="T63:X63"/>
    <mergeCell ref="AE63:AG63"/>
    <mergeCell ref="A64:G67"/>
    <mergeCell ref="O64:S64"/>
    <mergeCell ref="AE64:AG64"/>
    <mergeCell ref="Y65:AA65"/>
    <mergeCell ref="AB65:AD65"/>
    <mergeCell ref="AE65:AG65"/>
    <mergeCell ref="AB66:AD66"/>
    <mergeCell ref="AE66:AG66"/>
    <mergeCell ref="AE67:AG67"/>
    <mergeCell ref="A68:G70"/>
    <mergeCell ref="H68:N68"/>
    <mergeCell ref="AE68:AG68"/>
    <mergeCell ref="AB69:AD69"/>
    <mergeCell ref="AE69:AG69"/>
    <mergeCell ref="D162:F162"/>
    <mergeCell ref="G162:I162"/>
    <mergeCell ref="J162:L162"/>
    <mergeCell ref="M162:O162"/>
    <mergeCell ref="P162:R162"/>
    <mergeCell ref="S162:U162"/>
    <mergeCell ref="D167:F167"/>
    <mergeCell ref="G167:I167"/>
    <mergeCell ref="J167:L167"/>
    <mergeCell ref="M167:O167"/>
    <mergeCell ref="P167:R167"/>
    <mergeCell ref="S167:U167"/>
    <mergeCell ref="D171:F171"/>
    <mergeCell ref="G171:I171"/>
    <mergeCell ref="J171:L171"/>
    <mergeCell ref="M171:O171"/>
    <mergeCell ref="P171:R171"/>
    <mergeCell ref="S171:U171"/>
    <mergeCell ref="A161:C161"/>
    <mergeCell ref="A160:C160"/>
    <mergeCell ref="A162:C162"/>
    <mergeCell ref="D161:F161"/>
    <mergeCell ref="G161:I161"/>
    <mergeCell ref="J161:L161"/>
    <mergeCell ref="M161:O161"/>
    <mergeCell ref="P161:R161"/>
    <mergeCell ref="S161:U161"/>
    <mergeCell ref="V161:X161"/>
    <mergeCell ref="G136:I136"/>
    <mergeCell ref="AB35:AG35"/>
    <mergeCell ref="Z46:AG46"/>
    <mergeCell ref="Z43:AG43"/>
    <mergeCell ref="Y76:AA76"/>
    <mergeCell ref="AE83:AG83"/>
    <mergeCell ref="Y74:AA74"/>
    <mergeCell ref="Y70:AA70"/>
    <mergeCell ref="AE84:AG84"/>
    <mergeCell ref="Y81:AA81"/>
    <mergeCell ref="Y64:AA64"/>
    <mergeCell ref="R48:Y48"/>
    <mergeCell ref="R50:Y50"/>
    <mergeCell ref="O69:S69"/>
    <mergeCell ref="AB76:AD76"/>
    <mergeCell ref="D53:I53"/>
    <mergeCell ref="A144:C144"/>
    <mergeCell ref="A145:C145"/>
    <mergeCell ref="A136:C136"/>
    <mergeCell ref="A135:C135"/>
    <mergeCell ref="A151:C151"/>
    <mergeCell ref="A150:C150"/>
    <mergeCell ref="A61:G61"/>
    <mergeCell ref="A62:G62"/>
    <mergeCell ref="AB81:AD81"/>
    <mergeCell ref="AE82:AG82"/>
    <mergeCell ref="J46:Q46"/>
    <mergeCell ref="J48:Q48"/>
    <mergeCell ref="AE70:AG70"/>
    <mergeCell ref="AB71:AD71"/>
    <mergeCell ref="Y69:AA69"/>
    <mergeCell ref="AB32:AG32"/>
    <mergeCell ref="X25:AB25"/>
    <mergeCell ref="A32:C32"/>
    <mergeCell ref="A31:C31"/>
    <mergeCell ref="J52:Q52"/>
    <mergeCell ref="R51:Y51"/>
    <mergeCell ref="R49:Y49"/>
    <mergeCell ref="P32:U32"/>
    <mergeCell ref="V35:AA35"/>
    <mergeCell ref="P34:U34"/>
    <mergeCell ref="Z40:AG41"/>
    <mergeCell ref="R42:Y42"/>
    <mergeCell ref="S27:W27"/>
    <mergeCell ref="B43:C44"/>
    <mergeCell ref="R52:Y52"/>
    <mergeCell ref="J47:Q47"/>
    <mergeCell ref="J50:Q50"/>
    <mergeCell ref="AE81:AG81"/>
    <mergeCell ref="AB78:AD78"/>
    <mergeCell ref="AB70:AD70"/>
    <mergeCell ref="H71:N71"/>
    <mergeCell ref="D31:U31"/>
    <mergeCell ref="O71:S71"/>
    <mergeCell ref="AE7:AF7"/>
    <mergeCell ref="Y8:AC8"/>
    <mergeCell ref="V7:W7"/>
    <mergeCell ref="V11:W11"/>
    <mergeCell ref="V8:W8"/>
    <mergeCell ref="M11:N11"/>
    <mergeCell ref="Y7:AC7"/>
    <mergeCell ref="Z49:AG49"/>
    <mergeCell ref="Z56:AG56"/>
    <mergeCell ref="V31:AG31"/>
    <mergeCell ref="AC27:AG27"/>
    <mergeCell ref="X24:AB24"/>
    <mergeCell ref="AC24:AG24"/>
    <mergeCell ref="D22:R22"/>
    <mergeCell ref="I24:M24"/>
    <mergeCell ref="X23:AB23"/>
    <mergeCell ref="AC23:AG23"/>
    <mergeCell ref="D26:H26"/>
    <mergeCell ref="J32:O32"/>
    <mergeCell ref="Z42:AG42"/>
    <mergeCell ref="R43:Y43"/>
    <mergeCell ref="R44:Y44"/>
    <mergeCell ref="J44:Q44"/>
    <mergeCell ref="J42:Q42"/>
    <mergeCell ref="Z47:AG47"/>
    <mergeCell ref="Z50:AG50"/>
    <mergeCell ref="AB34:AG34"/>
    <mergeCell ref="R54:Y54"/>
    <mergeCell ref="R53:Y53"/>
    <mergeCell ref="R55:Y55"/>
    <mergeCell ref="R46:Y46"/>
    <mergeCell ref="R47:Y47"/>
    <mergeCell ref="A154:C154"/>
    <mergeCell ref="A141:C141"/>
    <mergeCell ref="A153:C153"/>
    <mergeCell ref="A137:C137"/>
    <mergeCell ref="A140:C140"/>
    <mergeCell ref="A149:C149"/>
    <mergeCell ref="D136:F136"/>
    <mergeCell ref="D139:F139"/>
    <mergeCell ref="G139:I139"/>
    <mergeCell ref="D142:F142"/>
    <mergeCell ref="G142:I142"/>
    <mergeCell ref="D145:F145"/>
    <mergeCell ref="G145:I145"/>
    <mergeCell ref="J145:L145"/>
    <mergeCell ref="M145:O145"/>
    <mergeCell ref="P145:R145"/>
    <mergeCell ref="S145:U145"/>
    <mergeCell ref="J136:L136"/>
    <mergeCell ref="M136:O136"/>
    <mergeCell ref="P136:R136"/>
    <mergeCell ref="S136:U136"/>
    <mergeCell ref="D140:F140"/>
    <mergeCell ref="G140:I140"/>
    <mergeCell ref="J140:L140"/>
    <mergeCell ref="M140:O140"/>
    <mergeCell ref="P140:R140"/>
    <mergeCell ref="S140:U140"/>
    <mergeCell ref="D144:F144"/>
    <mergeCell ref="G144:I144"/>
    <mergeCell ref="J144:L144"/>
    <mergeCell ref="M144:O144"/>
    <mergeCell ref="P144:R144"/>
    <mergeCell ref="A134:C134"/>
    <mergeCell ref="A133:C133"/>
    <mergeCell ref="A132:C132"/>
    <mergeCell ref="A130:C130"/>
    <mergeCell ref="AB72:AD72"/>
    <mergeCell ref="R45:Y45"/>
    <mergeCell ref="AB64:AD64"/>
    <mergeCell ref="O68:S68"/>
    <mergeCell ref="T68:X68"/>
    <mergeCell ref="AB68:AD68"/>
    <mergeCell ref="T69:X69"/>
    <mergeCell ref="H69:N69"/>
    <mergeCell ref="H60:N62"/>
    <mergeCell ref="H63:N63"/>
    <mergeCell ref="Y63:AA63"/>
    <mergeCell ref="AB63:AD63"/>
    <mergeCell ref="D55:I55"/>
    <mergeCell ref="R56:Y56"/>
    <mergeCell ref="D56:I56"/>
    <mergeCell ref="Z48:AG48"/>
    <mergeCell ref="AB67:AD67"/>
    <mergeCell ref="T66:X66"/>
    <mergeCell ref="Y66:AA66"/>
    <mergeCell ref="AE107:AG107"/>
    <mergeCell ref="AB100:AD100"/>
    <mergeCell ref="B48:I48"/>
    <mergeCell ref="B49:I49"/>
    <mergeCell ref="A131:C131"/>
    <mergeCell ref="AE89:AG89"/>
    <mergeCell ref="AE91:AG91"/>
    <mergeCell ref="AE92:AG92"/>
    <mergeCell ref="AE90:AG90"/>
    <mergeCell ref="A138:C138"/>
    <mergeCell ref="A139:C139"/>
    <mergeCell ref="P6:T6"/>
    <mergeCell ref="P8:T8"/>
    <mergeCell ref="M13:N13"/>
    <mergeCell ref="P11:T11"/>
    <mergeCell ref="V6:W6"/>
    <mergeCell ref="V9:W9"/>
    <mergeCell ref="V10:W10"/>
    <mergeCell ref="X27:AB27"/>
    <mergeCell ref="V32:AA32"/>
    <mergeCell ref="S26:W26"/>
    <mergeCell ref="Z44:AG44"/>
    <mergeCell ref="Z45:AG45"/>
    <mergeCell ref="J43:Q43"/>
    <mergeCell ref="J49:Q49"/>
    <mergeCell ref="J53:Q53"/>
    <mergeCell ref="AC26:AG26"/>
    <mergeCell ref="AB33:AG33"/>
    <mergeCell ref="D27:H27"/>
    <mergeCell ref="I27:M27"/>
    <mergeCell ref="A33:C33"/>
    <mergeCell ref="J33:O33"/>
    <mergeCell ref="D33:I33"/>
    <mergeCell ref="N27:R27"/>
    <mergeCell ref="P33:U33"/>
    <mergeCell ref="I26:M26"/>
    <mergeCell ref="D32:I32"/>
    <mergeCell ref="X26:AB26"/>
    <mergeCell ref="G15:K15"/>
    <mergeCell ref="B14:F14"/>
    <mergeCell ref="P15:T15"/>
    <mergeCell ref="A1:AG1"/>
    <mergeCell ref="B12:F12"/>
    <mergeCell ref="G13:K13"/>
    <mergeCell ref="M12:N12"/>
    <mergeCell ref="Y4:AG5"/>
    <mergeCell ref="M14:N14"/>
    <mergeCell ref="Y16:AC16"/>
    <mergeCell ref="AE16:AF16"/>
    <mergeCell ref="AE10:AF10"/>
    <mergeCell ref="P16:T16"/>
    <mergeCell ref="Y11:AC11"/>
    <mergeCell ref="P13:T13"/>
    <mergeCell ref="P12:T12"/>
    <mergeCell ref="Y12:AC12"/>
    <mergeCell ref="P4:X5"/>
    <mergeCell ref="Y6:AC6"/>
    <mergeCell ref="AC25:AG25"/>
    <mergeCell ref="Y10:AC10"/>
    <mergeCell ref="AE9:AF9"/>
    <mergeCell ref="Y15:AC15"/>
    <mergeCell ref="AE6:AF6"/>
    <mergeCell ref="AE8:AF8"/>
    <mergeCell ref="P7:T7"/>
    <mergeCell ref="AE11:AF11"/>
    <mergeCell ref="P14:T14"/>
    <mergeCell ref="G9:K9"/>
    <mergeCell ref="S24:W24"/>
    <mergeCell ref="G10:K10"/>
    <mergeCell ref="Y14:AC14"/>
    <mergeCell ref="N25:R25"/>
    <mergeCell ref="A25:C25"/>
    <mergeCell ref="I25:M25"/>
    <mergeCell ref="Y230:AA230"/>
    <mergeCell ref="Q231:T231"/>
    <mergeCell ref="Y231:AA231"/>
    <mergeCell ref="U231:X231"/>
    <mergeCell ref="D34:I34"/>
    <mergeCell ref="S22:AG22"/>
    <mergeCell ref="AE15:AF15"/>
    <mergeCell ref="Y106:AA106"/>
    <mergeCell ref="X200:AD200"/>
    <mergeCell ref="Q217:W217"/>
    <mergeCell ref="X214:AD214"/>
    <mergeCell ref="Q207:W207"/>
    <mergeCell ref="X206:AD206"/>
    <mergeCell ref="X204:AD204"/>
    <mergeCell ref="X205:AD205"/>
    <mergeCell ref="X207:AD207"/>
    <mergeCell ref="X212:AD213"/>
    <mergeCell ref="Q204:W204"/>
    <mergeCell ref="Q205:W205"/>
    <mergeCell ref="P35:U35"/>
    <mergeCell ref="V34:AA34"/>
    <mergeCell ref="D54:I54"/>
    <mergeCell ref="Y67:AA67"/>
    <mergeCell ref="J56:Q56"/>
    <mergeCell ref="Z55:AG55"/>
    <mergeCell ref="B16:F16"/>
    <mergeCell ref="V16:W16"/>
    <mergeCell ref="V15:W15"/>
    <mergeCell ref="V33:AA33"/>
    <mergeCell ref="N26:R26"/>
    <mergeCell ref="A26:C26"/>
    <mergeCell ref="S25:W25"/>
    <mergeCell ref="V239:X239"/>
    <mergeCell ref="AB230:AD230"/>
    <mergeCell ref="M231:P231"/>
    <mergeCell ref="AB231:AD231"/>
    <mergeCell ref="AB239:AC239"/>
    <mergeCell ref="AD239:AE239"/>
    <mergeCell ref="P10:T10"/>
    <mergeCell ref="M9:N9"/>
    <mergeCell ref="Y9:AC9"/>
    <mergeCell ref="D45:I45"/>
    <mergeCell ref="J45:Q45"/>
    <mergeCell ref="B51:I51"/>
    <mergeCell ref="J54:Q54"/>
    <mergeCell ref="J51:Q51"/>
    <mergeCell ref="D47:I47"/>
    <mergeCell ref="B50:I50"/>
    <mergeCell ref="B52:I52"/>
    <mergeCell ref="B53:C56"/>
    <mergeCell ref="J55:Q55"/>
    <mergeCell ref="P9:T9"/>
    <mergeCell ref="M10:N10"/>
    <mergeCell ref="AE12:AF12"/>
    <mergeCell ref="AE13:AF13"/>
    <mergeCell ref="AE14:AF14"/>
    <mergeCell ref="V12:W12"/>
    <mergeCell ref="V13:W13"/>
    <mergeCell ref="D35:I35"/>
    <mergeCell ref="A40:I40"/>
    <mergeCell ref="A42:I42"/>
    <mergeCell ref="A34:C34"/>
    <mergeCell ref="A41:I41"/>
    <mergeCell ref="J40:Q41"/>
    <mergeCell ref="S23:W23"/>
    <mergeCell ref="Y68:AA68"/>
    <mergeCell ref="A12:A16"/>
    <mergeCell ref="G14:K14"/>
    <mergeCell ref="G12:K12"/>
    <mergeCell ref="V14:W14"/>
    <mergeCell ref="M15:N15"/>
    <mergeCell ref="A22:C22"/>
    <mergeCell ref="B15:F15"/>
    <mergeCell ref="A23:C23"/>
    <mergeCell ref="N24:R24"/>
    <mergeCell ref="M16:N16"/>
    <mergeCell ref="N23:R23"/>
    <mergeCell ref="B13:F13"/>
    <mergeCell ref="Y103:AA103"/>
    <mergeCell ref="O66:S66"/>
    <mergeCell ref="Y13:AC13"/>
    <mergeCell ref="R40:Y41"/>
    <mergeCell ref="Z51:AG51"/>
    <mergeCell ref="Z52:AG52"/>
    <mergeCell ref="T64:X64"/>
    <mergeCell ref="Z53:AG53"/>
    <mergeCell ref="Z54:AG54"/>
    <mergeCell ref="Y92:AA92"/>
    <mergeCell ref="Y89:AA89"/>
    <mergeCell ref="AE103:AG103"/>
    <mergeCell ref="AB96:AD96"/>
    <mergeCell ref="AE76:AG76"/>
    <mergeCell ref="AB77:AD77"/>
    <mergeCell ref="AB92:AD92"/>
    <mergeCell ref="A35:C35"/>
    <mergeCell ref="A60:G60"/>
    <mergeCell ref="J35:O35"/>
    <mergeCell ref="A5:F5"/>
    <mergeCell ref="M6:N6"/>
    <mergeCell ref="M7:N7"/>
    <mergeCell ref="M8:N8"/>
    <mergeCell ref="D46:I46"/>
    <mergeCell ref="B45:C47"/>
    <mergeCell ref="G4:O5"/>
    <mergeCell ref="B6:F6"/>
    <mergeCell ref="G7:K7"/>
    <mergeCell ref="G8:K8"/>
    <mergeCell ref="A4:F4"/>
    <mergeCell ref="G6:K6"/>
    <mergeCell ref="A6:A11"/>
    <mergeCell ref="B7:F7"/>
    <mergeCell ref="B8:F8"/>
    <mergeCell ref="B9:F9"/>
    <mergeCell ref="B10:F10"/>
    <mergeCell ref="B11:F11"/>
    <mergeCell ref="A43:A56"/>
    <mergeCell ref="D43:I43"/>
    <mergeCell ref="D44:I44"/>
    <mergeCell ref="A24:C24"/>
    <mergeCell ref="D23:H23"/>
    <mergeCell ref="G16:K16"/>
    <mergeCell ref="D24:H24"/>
    <mergeCell ref="G11:K11"/>
    <mergeCell ref="I23:M23"/>
    <mergeCell ref="A27:C27"/>
    <mergeCell ref="D25:H25"/>
    <mergeCell ref="J34:O34"/>
    <mergeCell ref="X202:AD202"/>
    <mergeCell ref="X198:AD198"/>
    <mergeCell ref="Q201:W201"/>
    <mergeCell ref="A198:B202"/>
    <mergeCell ref="C198:I199"/>
    <mergeCell ref="J214:P214"/>
    <mergeCell ref="J199:P199"/>
    <mergeCell ref="C200:I200"/>
    <mergeCell ref="J206:P206"/>
    <mergeCell ref="J204:P204"/>
    <mergeCell ref="J198:P198"/>
    <mergeCell ref="A197:I197"/>
    <mergeCell ref="J196:P197"/>
    <mergeCell ref="J203:P203"/>
    <mergeCell ref="J201:P201"/>
    <mergeCell ref="A203:B205"/>
    <mergeCell ref="Q206:W206"/>
    <mergeCell ref="Q203:W203"/>
    <mergeCell ref="Q196:W197"/>
    <mergeCell ref="Q198:W198"/>
    <mergeCell ref="Q199:W199"/>
    <mergeCell ref="A152:C152"/>
    <mergeCell ref="A146:C146"/>
    <mergeCell ref="A147:C147"/>
    <mergeCell ref="A163:C163"/>
    <mergeCell ref="Q200:W200"/>
    <mergeCell ref="J239:L239"/>
    <mergeCell ref="M239:O239"/>
    <mergeCell ref="I230:L230"/>
    <mergeCell ref="U229:X230"/>
    <mergeCell ref="S238:U238"/>
    <mergeCell ref="Y239:AA239"/>
    <mergeCell ref="V238:X238"/>
    <mergeCell ref="Y238:AA238"/>
    <mergeCell ref="P239:R239"/>
    <mergeCell ref="Q221:W221"/>
    <mergeCell ref="X219:AD219"/>
    <mergeCell ref="X220:AD220"/>
    <mergeCell ref="C218:I218"/>
    <mergeCell ref="C214:I215"/>
    <mergeCell ref="C221:I221"/>
    <mergeCell ref="J220:P220"/>
    <mergeCell ref="A222:I222"/>
    <mergeCell ref="J222:P222"/>
    <mergeCell ref="C217:I217"/>
    <mergeCell ref="X216:AD216"/>
    <mergeCell ref="X217:AD217"/>
    <mergeCell ref="A156:C156"/>
    <mergeCell ref="C219:I219"/>
    <mergeCell ref="J219:P219"/>
    <mergeCell ref="A206:I206"/>
    <mergeCell ref="A214:B218"/>
    <mergeCell ref="J218:P218"/>
    <mergeCell ref="J238:L238"/>
    <mergeCell ref="M240:O240"/>
    <mergeCell ref="Q222:W222"/>
    <mergeCell ref="X222:AD222"/>
    <mergeCell ref="X221:AD221"/>
    <mergeCell ref="Q219:W219"/>
    <mergeCell ref="E231:H231"/>
    <mergeCell ref="AB237:AG237"/>
    <mergeCell ref="AD241:AE241"/>
    <mergeCell ref="AF241:AG241"/>
    <mergeCell ref="AB241:AC241"/>
    <mergeCell ref="S241:U241"/>
    <mergeCell ref="A155:C155"/>
    <mergeCell ref="A158:C158"/>
    <mergeCell ref="A157:C157"/>
    <mergeCell ref="C201:I201"/>
    <mergeCell ref="A196:I196"/>
    <mergeCell ref="A213:I213"/>
    <mergeCell ref="A207:I207"/>
    <mergeCell ref="A219:B221"/>
    <mergeCell ref="C216:I216"/>
    <mergeCell ref="C220:I220"/>
    <mergeCell ref="J207:P207"/>
    <mergeCell ref="J215:P215"/>
    <mergeCell ref="Q220:W220"/>
    <mergeCell ref="Q218:W218"/>
    <mergeCell ref="Q215:W215"/>
    <mergeCell ref="Q202:W202"/>
    <mergeCell ref="J200:P200"/>
    <mergeCell ref="A212:I212"/>
    <mergeCell ref="Q212:W213"/>
    <mergeCell ref="Q216:W216"/>
    <mergeCell ref="V241:X241"/>
    <mergeCell ref="Y241:AA241"/>
    <mergeCell ref="P241:R241"/>
    <mergeCell ref="V240:X240"/>
    <mergeCell ref="M238:O238"/>
    <mergeCell ref="P238:R238"/>
    <mergeCell ref="A239:C239"/>
    <mergeCell ref="D239:F239"/>
    <mergeCell ref="G239:I239"/>
    <mergeCell ref="AF238:AG238"/>
    <mergeCell ref="S239:U239"/>
    <mergeCell ref="P240:R240"/>
    <mergeCell ref="Y240:AA240"/>
    <mergeCell ref="AF239:AG239"/>
    <mergeCell ref="AB240:AC240"/>
    <mergeCell ref="AD240:AE240"/>
    <mergeCell ref="AF240:AG240"/>
    <mergeCell ref="J240:L240"/>
    <mergeCell ref="S240:U240"/>
    <mergeCell ref="AB238:AC238"/>
    <mergeCell ref="AD238:AE238"/>
    <mergeCell ref="A241:C241"/>
    <mergeCell ref="D241:F241"/>
    <mergeCell ref="G241:I241"/>
    <mergeCell ref="J241:L241"/>
    <mergeCell ref="M241:O241"/>
    <mergeCell ref="A240:C240"/>
    <mergeCell ref="D240:F240"/>
    <mergeCell ref="G240:I240"/>
    <mergeCell ref="A238:C238"/>
    <mergeCell ref="D238:F238"/>
    <mergeCell ref="G238:I238"/>
    <mergeCell ref="X215:AD215"/>
    <mergeCell ref="Q214:W214"/>
    <mergeCell ref="X203:AD203"/>
    <mergeCell ref="Y229:AD229"/>
    <mergeCell ref="A237:C237"/>
    <mergeCell ref="D237:O237"/>
    <mergeCell ref="P237:AA237"/>
    <mergeCell ref="J223:P223"/>
    <mergeCell ref="M230:P230"/>
    <mergeCell ref="Q223:W223"/>
    <mergeCell ref="X223:AD223"/>
    <mergeCell ref="I231:L231"/>
    <mergeCell ref="A229:P229"/>
    <mergeCell ref="E230:H230"/>
    <mergeCell ref="A230:D230"/>
    <mergeCell ref="X196:AD197"/>
    <mergeCell ref="X201:AD201"/>
    <mergeCell ref="X199:AD199"/>
    <mergeCell ref="C205:I205"/>
    <mergeCell ref="J205:P205"/>
    <mergeCell ref="C202:I202"/>
    <mergeCell ref="C203:I203"/>
    <mergeCell ref="C204:I204"/>
    <mergeCell ref="X218:AD218"/>
    <mergeCell ref="J217:P217"/>
    <mergeCell ref="J221:P221"/>
    <mergeCell ref="J216:P216"/>
    <mergeCell ref="A223:I223"/>
    <mergeCell ref="Q229:T230"/>
    <mergeCell ref="A231:D231"/>
    <mergeCell ref="J212:P213"/>
    <mergeCell ref="J202:P202"/>
    <mergeCell ref="AB90:AD90"/>
    <mergeCell ref="AB91:AD91"/>
    <mergeCell ref="AB108:AD108"/>
    <mergeCell ref="AB94:AD94"/>
    <mergeCell ref="Y83:AA83"/>
    <mergeCell ref="AE97:AG97"/>
    <mergeCell ref="AE95:AG95"/>
    <mergeCell ref="Y88:AA88"/>
    <mergeCell ref="AB88:AD88"/>
    <mergeCell ref="AE88:AG88"/>
    <mergeCell ref="Y104:AA104"/>
    <mergeCell ref="AB104:AD104"/>
    <mergeCell ref="AE104:AG104"/>
    <mergeCell ref="H64:N64"/>
    <mergeCell ref="T83:X85"/>
    <mergeCell ref="O85:S87"/>
    <mergeCell ref="T109:X111"/>
    <mergeCell ref="H66:N66"/>
    <mergeCell ref="H72:N72"/>
    <mergeCell ref="H74:N74"/>
    <mergeCell ref="H76:N76"/>
    <mergeCell ref="H79:N79"/>
    <mergeCell ref="H81:N81"/>
    <mergeCell ref="H84:N84"/>
    <mergeCell ref="H86:N86"/>
    <mergeCell ref="H89:N89"/>
    <mergeCell ref="H91:N91"/>
    <mergeCell ref="H93:N93"/>
    <mergeCell ref="H96:N96"/>
    <mergeCell ref="H98:N98"/>
    <mergeCell ref="H100:N100"/>
    <mergeCell ref="H102:N102"/>
    <mergeCell ref="O89:S89"/>
    <mergeCell ref="O91:S91"/>
    <mergeCell ref="O93:S93"/>
    <mergeCell ref="O96:S96"/>
    <mergeCell ref="O98:S98"/>
    <mergeCell ref="O100:S100"/>
    <mergeCell ref="O102:S102"/>
    <mergeCell ref="O105:S105"/>
    <mergeCell ref="O107:S107"/>
    <mergeCell ref="O110:S110"/>
    <mergeCell ref="O113:S113"/>
    <mergeCell ref="T72:X72"/>
    <mergeCell ref="T74:X74"/>
    <mergeCell ref="T76:X76"/>
    <mergeCell ref="T79:X79"/>
    <mergeCell ref="T80:X82"/>
    <mergeCell ref="T86:X86"/>
    <mergeCell ref="T89:X89"/>
    <mergeCell ref="T91:X91"/>
    <mergeCell ref="T93:X93"/>
    <mergeCell ref="T96:X96"/>
    <mergeCell ref="T98:X98"/>
    <mergeCell ref="T100:X100"/>
    <mergeCell ref="T102:X102"/>
    <mergeCell ref="T105:X105"/>
    <mergeCell ref="T107:X107"/>
    <mergeCell ref="T113:X113"/>
  </mergeCells>
  <phoneticPr fontId="2"/>
  <dataValidations count="1">
    <dataValidation imeMode="hiragana" allowBlank="1" showInputMessage="1" showErrorMessage="1" sqref="A211 A3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87" firstPageNumber="55" orientation="portrait" useFirstPageNumber="1" r:id="rId1"/>
  <headerFooter alignWithMargins="0">
    <oddFooter>&amp;C&amp;10- &amp;P -</oddFooter>
  </headerFooter>
  <rowBreaks count="3" manualBreakCount="3">
    <brk id="57" max="32" man="1"/>
    <brk id="124" max="32" man="1"/>
    <brk id="192" max="32" man="1"/>
  </rowBreaks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運輸・通信</vt:lpstr>
      <vt:lpstr>運輸・通信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4-01-25T08:33:17Z</cp:lastPrinted>
  <dcterms:created xsi:type="dcterms:W3CDTF">2006-12-15T04:26:08Z</dcterms:created>
  <dcterms:modified xsi:type="dcterms:W3CDTF">2026-03-21T07:05:42Z</dcterms:modified>
</cp:coreProperties>
</file>